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4445\R7\R7 事務室\11 財産\14 学校施設開放関係\小田原北高校用施設開放関係書類(HP用）\"/>
    </mc:Choice>
  </mc:AlternateContent>
  <xr:revisionPtr revIDLastSave="0" documentId="8_{74B95739-C8E8-4535-AC08-70D02F726D06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様式１(施設利用申込書)" sheetId="2" r:id="rId1"/>
    <sheet name="一覧" sheetId="5" state="hidden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4" i="5" l="1"/>
</calcChain>
</file>

<file path=xl/sharedStrings.xml><?xml version="1.0" encoding="utf-8"?>
<sst xmlns="http://schemas.openxmlformats.org/spreadsheetml/2006/main" count="417" uniqueCount="383">
  <si>
    <t>様式１</t>
    <rPh sb="0" eb="2">
      <t>ヨウシキ</t>
    </rPh>
    <phoneticPr fontId="1"/>
  </si>
  <si>
    <t>県立学校施設開放事業　施設利用申込書</t>
    <rPh sb="0" eb="2">
      <t>ケンリツ</t>
    </rPh>
    <rPh sb="2" eb="4">
      <t>ガッコウ</t>
    </rPh>
    <rPh sb="4" eb="6">
      <t>シセツ</t>
    </rPh>
    <rPh sb="6" eb="8">
      <t>カイホウ</t>
    </rPh>
    <rPh sb="8" eb="10">
      <t>ジギョウ</t>
    </rPh>
    <rPh sb="11" eb="13">
      <t>シセツ</t>
    </rPh>
    <rPh sb="13" eb="15">
      <t>リヨウ</t>
    </rPh>
    <rPh sb="15" eb="18">
      <t>モウシコミショ</t>
    </rPh>
    <phoneticPr fontId="1"/>
  </si>
  <si>
    <t>日</t>
    <rPh sb="0" eb="1">
      <t>ニチ</t>
    </rPh>
    <phoneticPr fontId="1"/>
  </si>
  <si>
    <t>月</t>
    <rPh sb="0" eb="1">
      <t>ツキ</t>
    </rPh>
    <phoneticPr fontId="1"/>
  </si>
  <si>
    <t>年</t>
    <rPh sb="0" eb="1">
      <t>ネン</t>
    </rPh>
    <phoneticPr fontId="1"/>
  </si>
  <si>
    <t>令和</t>
    <rPh sb="0" eb="2">
      <t>レイワ</t>
    </rPh>
    <phoneticPr fontId="1"/>
  </si>
  <si>
    <t>申込者</t>
    <rPh sb="0" eb="2">
      <t>モウシコミ</t>
    </rPh>
    <rPh sb="2" eb="3">
      <t>シャ</t>
    </rPh>
    <phoneticPr fontId="1"/>
  </si>
  <si>
    <t>団体番号</t>
    <rPh sb="0" eb="2">
      <t>ダンタイ</t>
    </rPh>
    <rPh sb="2" eb="4">
      <t>バンゴウ</t>
    </rPh>
    <phoneticPr fontId="1"/>
  </si>
  <si>
    <t>申込者連絡先</t>
    <rPh sb="0" eb="2">
      <t>モウシコミ</t>
    </rPh>
    <rPh sb="2" eb="3">
      <t>シャ</t>
    </rPh>
    <rPh sb="3" eb="6">
      <t>レンラクサキ</t>
    </rPh>
    <phoneticPr fontId="1"/>
  </si>
  <si>
    <t>～</t>
    <phoneticPr fontId="1"/>
  </si>
  <si>
    <t>日時</t>
    <rPh sb="0" eb="2">
      <t>ニチジ</t>
    </rPh>
    <phoneticPr fontId="1"/>
  </si>
  <si>
    <t>施設名</t>
    <rPh sb="0" eb="2">
      <t>シセツ</t>
    </rPh>
    <rPh sb="2" eb="3">
      <t>メイ</t>
    </rPh>
    <phoneticPr fontId="1"/>
  </si>
  <si>
    <t>特記事項</t>
    <rPh sb="0" eb="2">
      <t>トッキ</t>
    </rPh>
    <rPh sb="2" eb="4">
      <t>ジコウ</t>
    </rPh>
    <phoneticPr fontId="1"/>
  </si>
  <si>
    <t>殿</t>
    <rPh sb="0" eb="1">
      <t>ドノ</t>
    </rPh>
    <phoneticPr fontId="1"/>
  </si>
  <si>
    <t>活動内容</t>
    <rPh sb="0" eb="2">
      <t>カツドウ</t>
    </rPh>
    <rPh sb="2" eb="4">
      <t>ナイヨウ</t>
    </rPh>
    <phoneticPr fontId="1"/>
  </si>
  <si>
    <t>　次のとおり利用したいので申し込みます。施設利用に際しては、下記（または裏面）に定めた条件を遵守します。</t>
    <rPh sb="1" eb="2">
      <t>ツギ</t>
    </rPh>
    <rPh sb="6" eb="8">
      <t>リヨウ</t>
    </rPh>
    <rPh sb="13" eb="14">
      <t>モウ</t>
    </rPh>
    <rPh sb="15" eb="16">
      <t>コ</t>
    </rPh>
    <rPh sb="20" eb="22">
      <t>シセツ</t>
    </rPh>
    <rPh sb="22" eb="24">
      <t>リヨウ</t>
    </rPh>
    <rPh sb="25" eb="26">
      <t>サイ</t>
    </rPh>
    <rPh sb="30" eb="32">
      <t>カキ</t>
    </rPh>
    <rPh sb="36" eb="38">
      <t>リメン</t>
    </rPh>
    <rPh sb="40" eb="41">
      <t>サダ</t>
    </rPh>
    <rPh sb="43" eb="45">
      <t>ジョウケン</t>
    </rPh>
    <rPh sb="46" eb="48">
      <t>ジュンシュ</t>
    </rPh>
    <phoneticPr fontId="1"/>
  </si>
  <si>
    <t>●利用希望</t>
    <rPh sb="1" eb="3">
      <t>リヨウ</t>
    </rPh>
    <rPh sb="3" eb="5">
      <t>キボウ</t>
    </rPh>
    <phoneticPr fontId="1"/>
  </si>
  <si>
    <t>月</t>
    <rPh sb="0" eb="1">
      <t>ガツ</t>
    </rPh>
    <phoneticPr fontId="1"/>
  </si>
  <si>
    <t>責任者名</t>
    <rPh sb="0" eb="3">
      <t>セキニンシャ</t>
    </rPh>
    <rPh sb="3" eb="4">
      <t>メイ</t>
    </rPh>
    <phoneticPr fontId="1"/>
  </si>
  <si>
    <t>冷暖房</t>
    <rPh sb="0" eb="3">
      <t>レイダンボウ</t>
    </rPh>
    <phoneticPr fontId="1"/>
  </si>
  <si>
    <t>照明</t>
    <rPh sb="0" eb="2">
      <t>ショウメイ</t>
    </rPh>
    <phoneticPr fontId="1"/>
  </si>
  <si>
    <t>窯</t>
    <rPh sb="0" eb="1">
      <t>カマ</t>
    </rPh>
    <phoneticPr fontId="1"/>
  </si>
  <si>
    <t>利用の有無</t>
    <rPh sb="0" eb="2">
      <t>リヨウ</t>
    </rPh>
    <rPh sb="3" eb="5">
      <t>ウム</t>
    </rPh>
    <phoneticPr fontId="1"/>
  </si>
  <si>
    <t>備品の希望</t>
    <rPh sb="0" eb="2">
      <t>ビヒン</t>
    </rPh>
    <rPh sb="3" eb="5">
      <t>キボウ</t>
    </rPh>
    <phoneticPr fontId="1"/>
  </si>
  <si>
    <t>●利用条件</t>
    <rPh sb="1" eb="3">
      <t>リヨウ</t>
    </rPh>
    <rPh sb="3" eb="5">
      <t>ジョウケン</t>
    </rPh>
    <phoneticPr fontId="1"/>
  </si>
  <si>
    <t>責任者
連絡先</t>
    <rPh sb="0" eb="3">
      <t>セキニンシャ</t>
    </rPh>
    <rPh sb="4" eb="7">
      <t>レンラクサキ</t>
    </rPh>
    <phoneticPr fontId="1"/>
  </si>
  <si>
    <t>　・校長または施設管理員の指示に従い、危険な行為は行わないこと</t>
    <rPh sb="2" eb="4">
      <t>コウチョウ</t>
    </rPh>
    <rPh sb="7" eb="9">
      <t>シセツ</t>
    </rPh>
    <rPh sb="9" eb="11">
      <t>カンリ</t>
    </rPh>
    <rPh sb="11" eb="12">
      <t>イン</t>
    </rPh>
    <rPh sb="13" eb="15">
      <t>シジ</t>
    </rPh>
    <rPh sb="16" eb="17">
      <t>シタガ</t>
    </rPh>
    <rPh sb="19" eb="21">
      <t>キケン</t>
    </rPh>
    <rPh sb="22" eb="24">
      <t>コウイ</t>
    </rPh>
    <rPh sb="25" eb="26">
      <t>オコナ</t>
    </rPh>
    <phoneticPr fontId="1"/>
  </si>
  <si>
    <t>　・施設等を破損した場合は、施設・設備破損届を校長に提出し、速やかにその損害を弁償すること</t>
    <rPh sb="2" eb="4">
      <t>シセツ</t>
    </rPh>
    <rPh sb="4" eb="5">
      <t>トウ</t>
    </rPh>
    <rPh sb="6" eb="8">
      <t>ハソン</t>
    </rPh>
    <rPh sb="10" eb="12">
      <t>バアイ</t>
    </rPh>
    <rPh sb="14" eb="16">
      <t>シセツ</t>
    </rPh>
    <rPh sb="17" eb="19">
      <t>セツビ</t>
    </rPh>
    <rPh sb="19" eb="21">
      <t>ハソン</t>
    </rPh>
    <rPh sb="21" eb="22">
      <t>トドケ</t>
    </rPh>
    <rPh sb="23" eb="25">
      <t>コウチョウ</t>
    </rPh>
    <rPh sb="26" eb="28">
      <t>テイシュツ</t>
    </rPh>
    <rPh sb="30" eb="31">
      <t>スミ</t>
    </rPh>
    <rPh sb="36" eb="38">
      <t>ソンガイ</t>
    </rPh>
    <rPh sb="39" eb="41">
      <t>ベンショウ</t>
    </rPh>
    <phoneticPr fontId="1"/>
  </si>
  <si>
    <t>　・利用種目・目的については、事前に学校と協議すること</t>
    <rPh sb="2" eb="4">
      <t>リヨウ</t>
    </rPh>
    <rPh sb="4" eb="6">
      <t>シュモク</t>
    </rPh>
    <rPh sb="7" eb="9">
      <t>モクテキ</t>
    </rPh>
    <rPh sb="15" eb="17">
      <t>ジゼン</t>
    </rPh>
    <rPh sb="18" eb="20">
      <t>ガッコウ</t>
    </rPh>
    <rPh sb="21" eb="23">
      <t>キョウギ</t>
    </rPh>
    <phoneticPr fontId="1"/>
  </si>
  <si>
    <t>利用
人数</t>
    <rPh sb="0" eb="2">
      <t>リヨウ</t>
    </rPh>
    <rPh sb="3" eb="5">
      <t>ニンズウ</t>
    </rPh>
    <phoneticPr fontId="1"/>
  </si>
  <si>
    <t>●本年度、本校の利用申込が２回目以降の方</t>
    <rPh sb="1" eb="4">
      <t>ホンネンド</t>
    </rPh>
    <rPh sb="5" eb="7">
      <t>ホンコウ</t>
    </rPh>
    <rPh sb="8" eb="10">
      <t>リヨウ</t>
    </rPh>
    <rPh sb="10" eb="12">
      <t>モウシコミ</t>
    </rPh>
    <rPh sb="14" eb="16">
      <t>カイメ</t>
    </rPh>
    <rPh sb="16" eb="18">
      <t>イコウ</t>
    </rPh>
    <rPh sb="19" eb="20">
      <t>カタ</t>
    </rPh>
    <phoneticPr fontId="1"/>
  </si>
  <si>
    <t>　現在、提出している利用者名簿から変更はありますか？</t>
    <phoneticPr fontId="1"/>
  </si>
  <si>
    <t>≪問合せ先≫</t>
    <rPh sb="1" eb="3">
      <t>トイアワ</t>
    </rPh>
    <rPh sb="4" eb="5">
      <t>サキ</t>
    </rPh>
    <phoneticPr fontId="1"/>
  </si>
  <si>
    <t>事務室</t>
    <rPh sb="0" eb="3">
      <t>ジムシツ</t>
    </rPh>
    <phoneticPr fontId="1"/>
  </si>
  <si>
    <t>団体名</t>
    <rPh sb="0" eb="2">
      <t>ダンタイ</t>
    </rPh>
    <rPh sb="2" eb="3">
      <t>メイ</t>
    </rPh>
    <phoneticPr fontId="1"/>
  </si>
  <si>
    <t>:</t>
    <phoneticPr fontId="1"/>
  </si>
  <si>
    <t>TEL　</t>
    <phoneticPr fontId="1"/>
  </si>
  <si>
    <t>001</t>
  </si>
  <si>
    <t>学校番号</t>
    <rPh sb="0" eb="2">
      <t>ガッコウ</t>
    </rPh>
    <rPh sb="2" eb="4">
      <t>バンゴウ</t>
    </rPh>
    <phoneticPr fontId="15"/>
  </si>
  <si>
    <t>学校名</t>
    <rPh sb="0" eb="3">
      <t>ガッコウメイ</t>
    </rPh>
    <phoneticPr fontId="15"/>
  </si>
  <si>
    <t>001</t>
    <phoneticPr fontId="15"/>
  </si>
  <si>
    <t>鶴見高等学校</t>
    <rPh sb="0" eb="2">
      <t>ツルミ</t>
    </rPh>
    <rPh sb="2" eb="4">
      <t>コウトウ</t>
    </rPh>
    <rPh sb="4" eb="6">
      <t>ガッコウ</t>
    </rPh>
    <phoneticPr fontId="15"/>
  </si>
  <si>
    <t>003</t>
  </si>
  <si>
    <t>鶴見総合高等学校</t>
    <rPh sb="0" eb="2">
      <t>ツルミ</t>
    </rPh>
    <rPh sb="2" eb="4">
      <t>ソウゴウ</t>
    </rPh>
    <rPh sb="4" eb="6">
      <t>コウトウ</t>
    </rPh>
    <rPh sb="6" eb="8">
      <t>ガッコウ</t>
    </rPh>
    <phoneticPr fontId="15"/>
  </si>
  <si>
    <t>004</t>
  </si>
  <si>
    <t>神奈川工業高等学校</t>
    <rPh sb="0" eb="3">
      <t>カナガワ</t>
    </rPh>
    <rPh sb="3" eb="5">
      <t>コウギョウ</t>
    </rPh>
    <rPh sb="5" eb="7">
      <t>コウトウ</t>
    </rPh>
    <rPh sb="7" eb="9">
      <t>ガッコウ</t>
    </rPh>
    <phoneticPr fontId="15"/>
  </si>
  <si>
    <t>005</t>
  </si>
  <si>
    <t>神奈川総合高等学校</t>
    <rPh sb="0" eb="9">
      <t>カナガワソウゴウコウトウガッコウ</t>
    </rPh>
    <phoneticPr fontId="15"/>
  </si>
  <si>
    <t>006</t>
  </si>
  <si>
    <t>横浜翠嵐高等学校</t>
    <rPh sb="0" eb="2">
      <t>ヨコハマ</t>
    </rPh>
    <rPh sb="2" eb="4">
      <t>スイラン</t>
    </rPh>
    <rPh sb="4" eb="8">
      <t>コウトウガッコウ</t>
    </rPh>
    <phoneticPr fontId="15"/>
  </si>
  <si>
    <t>007</t>
  </si>
  <si>
    <t>城郷高等学校</t>
    <rPh sb="0" eb="2">
      <t>シロサト</t>
    </rPh>
    <rPh sb="2" eb="4">
      <t>コウトウ</t>
    </rPh>
    <rPh sb="4" eb="6">
      <t>ガッコウ</t>
    </rPh>
    <phoneticPr fontId="15"/>
  </si>
  <si>
    <t>008</t>
  </si>
  <si>
    <t>横浜平沼高等学校</t>
    <rPh sb="0" eb="4">
      <t>ヨコハマヒラヌマ</t>
    </rPh>
    <rPh sb="4" eb="8">
      <t>コウトウガッコウ</t>
    </rPh>
    <phoneticPr fontId="15"/>
  </si>
  <si>
    <t>009</t>
  </si>
  <si>
    <t>横浜緑ケ丘高等学校</t>
    <rPh sb="0" eb="2">
      <t>ヨコハマ</t>
    </rPh>
    <rPh sb="2" eb="3">
      <t>ミドリ</t>
    </rPh>
    <rPh sb="4" eb="5">
      <t>オカ</t>
    </rPh>
    <rPh sb="5" eb="7">
      <t>コウトウ</t>
    </rPh>
    <rPh sb="7" eb="9">
      <t>ガッコウ</t>
    </rPh>
    <phoneticPr fontId="15"/>
  </si>
  <si>
    <t>010</t>
  </si>
  <si>
    <t>横浜立野高等学校</t>
    <rPh sb="0" eb="2">
      <t>ヨコハマ</t>
    </rPh>
    <rPh sb="2" eb="4">
      <t>タテノ</t>
    </rPh>
    <rPh sb="4" eb="6">
      <t>コウトウ</t>
    </rPh>
    <rPh sb="6" eb="8">
      <t>ガッコウ</t>
    </rPh>
    <phoneticPr fontId="15"/>
  </si>
  <si>
    <t>011</t>
  </si>
  <si>
    <t>横浜清陵高等学校</t>
    <phoneticPr fontId="15"/>
  </si>
  <si>
    <t>013</t>
  </si>
  <si>
    <t>横浜国際高等学校</t>
    <rPh sb="0" eb="2">
      <t>ヨコハマ</t>
    </rPh>
    <rPh sb="2" eb="4">
      <t>コクサイ</t>
    </rPh>
    <rPh sb="4" eb="6">
      <t>コウトウ</t>
    </rPh>
    <rPh sb="6" eb="8">
      <t>ガッコウ</t>
    </rPh>
    <phoneticPr fontId="15"/>
  </si>
  <si>
    <t>014</t>
  </si>
  <si>
    <t>横浜南陵高等学校</t>
    <phoneticPr fontId="15"/>
  </si>
  <si>
    <t>015</t>
  </si>
  <si>
    <t>横浜明朋高等学校</t>
    <phoneticPr fontId="15"/>
  </si>
  <si>
    <t>017</t>
  </si>
  <si>
    <t>永谷高等学校</t>
    <phoneticPr fontId="15"/>
  </si>
  <si>
    <t>018</t>
  </si>
  <si>
    <t>光陵高等学校</t>
    <phoneticPr fontId="15"/>
  </si>
  <si>
    <t>019</t>
  </si>
  <si>
    <t>商工高等学校</t>
    <phoneticPr fontId="15"/>
  </si>
  <si>
    <t>020</t>
  </si>
  <si>
    <t>保土ケ谷高等学校</t>
    <phoneticPr fontId="15"/>
  </si>
  <si>
    <t>021</t>
  </si>
  <si>
    <t>希望ケ丘高等学校</t>
    <phoneticPr fontId="15"/>
  </si>
  <si>
    <t>022</t>
  </si>
  <si>
    <t>023</t>
  </si>
  <si>
    <t>旭高等学校</t>
    <phoneticPr fontId="15"/>
  </si>
  <si>
    <t>025</t>
  </si>
  <si>
    <t>横浜旭陵高等学校</t>
    <phoneticPr fontId="15"/>
  </si>
  <si>
    <t>026</t>
  </si>
  <si>
    <t>磯子工業高等学校</t>
    <phoneticPr fontId="15"/>
  </si>
  <si>
    <t>029</t>
  </si>
  <si>
    <t>横浜氷取沢高校</t>
    <phoneticPr fontId="15"/>
  </si>
  <si>
    <t>030</t>
  </si>
  <si>
    <t>金沢総合高等学校</t>
    <phoneticPr fontId="15"/>
  </si>
  <si>
    <t>032</t>
  </si>
  <si>
    <t>釜利谷高等学校</t>
    <phoneticPr fontId="15"/>
  </si>
  <si>
    <t>033</t>
  </si>
  <si>
    <t>港北高等学校</t>
    <phoneticPr fontId="15"/>
  </si>
  <si>
    <t>034</t>
  </si>
  <si>
    <t>新羽高等学校</t>
    <phoneticPr fontId="15"/>
  </si>
  <si>
    <t>035</t>
  </si>
  <si>
    <t>岸根高等学校</t>
    <phoneticPr fontId="15"/>
  </si>
  <si>
    <t>036</t>
  </si>
  <si>
    <t>霧が丘高等学校</t>
    <phoneticPr fontId="15"/>
  </si>
  <si>
    <t>037</t>
  </si>
  <si>
    <t>白山高等学校</t>
    <phoneticPr fontId="15"/>
  </si>
  <si>
    <t>038</t>
  </si>
  <si>
    <t>市ケ尾高等学校</t>
    <phoneticPr fontId="15"/>
  </si>
  <si>
    <t>039</t>
  </si>
  <si>
    <t>田奈高等学校</t>
    <phoneticPr fontId="15"/>
  </si>
  <si>
    <t>040</t>
  </si>
  <si>
    <t>元石川高等学校</t>
    <phoneticPr fontId="15"/>
  </si>
  <si>
    <t>041</t>
  </si>
  <si>
    <t>川和高等学校</t>
    <phoneticPr fontId="15"/>
  </si>
  <si>
    <t>042</t>
  </si>
  <si>
    <t>荏田高等学校</t>
    <phoneticPr fontId="15"/>
  </si>
  <si>
    <t>043</t>
  </si>
  <si>
    <t>新栄高等学校</t>
    <phoneticPr fontId="15"/>
  </si>
  <si>
    <t>044</t>
  </si>
  <si>
    <t>舞岡高等学校</t>
    <phoneticPr fontId="15"/>
  </si>
  <si>
    <t>045</t>
  </si>
  <si>
    <t>横浜桜陽高等学校</t>
    <phoneticPr fontId="15"/>
  </si>
  <si>
    <t>046</t>
  </si>
  <si>
    <t>上矢部高等学校</t>
    <rPh sb="0" eb="3">
      <t>カミヤベ</t>
    </rPh>
    <rPh sb="3" eb="7">
      <t>コウトウガッコウ</t>
    </rPh>
    <phoneticPr fontId="15"/>
  </si>
  <si>
    <t>047</t>
  </si>
  <si>
    <t>柏陽高等学校</t>
    <rPh sb="0" eb="2">
      <t>ハクヨウ</t>
    </rPh>
    <rPh sb="2" eb="4">
      <t>コウトウ</t>
    </rPh>
    <rPh sb="4" eb="6">
      <t>ガッコウ</t>
    </rPh>
    <phoneticPr fontId="15"/>
  </si>
  <si>
    <t>048</t>
  </si>
  <si>
    <t>金井高等学校</t>
    <rPh sb="0" eb="2">
      <t>カナイ</t>
    </rPh>
    <rPh sb="2" eb="4">
      <t>コウトウ</t>
    </rPh>
    <rPh sb="4" eb="6">
      <t>ガッコウ</t>
    </rPh>
    <phoneticPr fontId="15"/>
  </si>
  <si>
    <t>050</t>
  </si>
  <si>
    <t>横浜栄高等学校</t>
    <phoneticPr fontId="15"/>
  </si>
  <si>
    <t>051</t>
  </si>
  <si>
    <t>松陽高等学校</t>
    <phoneticPr fontId="15"/>
  </si>
  <si>
    <t>052</t>
  </si>
  <si>
    <t>横浜緑園高等学校</t>
    <phoneticPr fontId="15"/>
  </si>
  <si>
    <t>053</t>
  </si>
  <si>
    <t>横浜修悠館高等学校</t>
    <phoneticPr fontId="15"/>
  </si>
  <si>
    <t>054</t>
  </si>
  <si>
    <t>横浜瀬谷高等学校</t>
    <phoneticPr fontId="15"/>
  </si>
  <si>
    <t>056</t>
  </si>
  <si>
    <t>川崎高等学校</t>
    <phoneticPr fontId="15"/>
  </si>
  <si>
    <t>058</t>
  </si>
  <si>
    <t>大師高等学校</t>
    <phoneticPr fontId="15"/>
  </si>
  <si>
    <t>059</t>
  </si>
  <si>
    <t>川崎工科高等学校</t>
    <phoneticPr fontId="15"/>
  </si>
  <si>
    <t>060</t>
  </si>
  <si>
    <t>新城高等学校</t>
    <phoneticPr fontId="15"/>
  </si>
  <si>
    <t>061</t>
  </si>
  <si>
    <t>住吉高等学校</t>
    <phoneticPr fontId="15"/>
  </si>
  <si>
    <t>062</t>
  </si>
  <si>
    <t>川崎北高等学校</t>
    <phoneticPr fontId="15"/>
  </si>
  <si>
    <t>063</t>
  </si>
  <si>
    <t>多摩高等学校</t>
    <phoneticPr fontId="15"/>
  </si>
  <si>
    <t>064</t>
  </si>
  <si>
    <t>向の岡工業高等学校</t>
    <phoneticPr fontId="15"/>
  </si>
  <si>
    <t>065</t>
  </si>
  <si>
    <t>生田高等学校</t>
    <phoneticPr fontId="15"/>
  </si>
  <si>
    <t>066</t>
  </si>
  <si>
    <t>百合丘高等学校</t>
    <phoneticPr fontId="15"/>
  </si>
  <si>
    <t>067</t>
  </si>
  <si>
    <t>生田東高等学校</t>
    <phoneticPr fontId="15"/>
  </si>
  <si>
    <t>068</t>
  </si>
  <si>
    <t>菅高等学校</t>
    <phoneticPr fontId="15"/>
  </si>
  <si>
    <t>070</t>
  </si>
  <si>
    <t>麻生総合高等学校</t>
    <phoneticPr fontId="15"/>
  </si>
  <si>
    <t>071</t>
  </si>
  <si>
    <t>麻生高等学校</t>
    <phoneticPr fontId="15"/>
  </si>
  <si>
    <t>072</t>
  </si>
  <si>
    <t>横須賀高等学校</t>
    <phoneticPr fontId="15"/>
  </si>
  <si>
    <t>073</t>
  </si>
  <si>
    <t>横須賀大津高等学校</t>
    <phoneticPr fontId="15"/>
  </si>
  <si>
    <t>074</t>
  </si>
  <si>
    <t>横須賀工業高等学校</t>
    <phoneticPr fontId="15"/>
  </si>
  <si>
    <t>075</t>
  </si>
  <si>
    <t>海洋科学高等学校</t>
    <phoneticPr fontId="15"/>
  </si>
  <si>
    <t>076</t>
  </si>
  <si>
    <t>追浜高等学校</t>
    <phoneticPr fontId="15"/>
  </si>
  <si>
    <t>077</t>
  </si>
  <si>
    <t>津久井浜高等学校</t>
    <phoneticPr fontId="15"/>
  </si>
  <si>
    <t>079</t>
  </si>
  <si>
    <t>横須賀南高校</t>
    <phoneticPr fontId="15"/>
  </si>
  <si>
    <t>081</t>
  </si>
  <si>
    <t>平塚江南高等学校</t>
    <phoneticPr fontId="15"/>
  </si>
  <si>
    <t>082</t>
  </si>
  <si>
    <t>平塚農商高等学校</t>
    <phoneticPr fontId="15"/>
  </si>
  <si>
    <t>083</t>
  </si>
  <si>
    <t>平塚工科高等学校</t>
    <phoneticPr fontId="15"/>
  </si>
  <si>
    <t>084</t>
  </si>
  <si>
    <t>高浜高等学校</t>
    <phoneticPr fontId="15"/>
  </si>
  <si>
    <t>088</t>
  </si>
  <si>
    <t>平塚湘風高等学校</t>
    <phoneticPr fontId="15"/>
  </si>
  <si>
    <t>090</t>
  </si>
  <si>
    <t>鎌倉高等学校</t>
    <phoneticPr fontId="15"/>
  </si>
  <si>
    <t>092</t>
  </si>
  <si>
    <t>七里ガ浜高等学校</t>
    <phoneticPr fontId="15"/>
  </si>
  <si>
    <t>093</t>
  </si>
  <si>
    <t>大船高等学校</t>
    <phoneticPr fontId="15"/>
  </si>
  <si>
    <t>094</t>
  </si>
  <si>
    <t>深沢高等学校</t>
    <phoneticPr fontId="15"/>
  </si>
  <si>
    <t>095</t>
  </si>
  <si>
    <t>湘南高等学校</t>
    <phoneticPr fontId="15"/>
  </si>
  <si>
    <t>097</t>
  </si>
  <si>
    <t>藤沢西高等学校</t>
    <phoneticPr fontId="15"/>
  </si>
  <si>
    <t>098</t>
  </si>
  <si>
    <t>藤沢工科高等学校</t>
    <phoneticPr fontId="15"/>
  </si>
  <si>
    <t>100</t>
  </si>
  <si>
    <t>藤沢清流高等学校</t>
    <phoneticPr fontId="15"/>
  </si>
  <si>
    <t>101</t>
  </si>
  <si>
    <t>藤沢総合高等学校</t>
    <phoneticPr fontId="15"/>
  </si>
  <si>
    <t>102</t>
  </si>
  <si>
    <t>湘南台高等学校</t>
    <phoneticPr fontId="15"/>
  </si>
  <si>
    <t>103</t>
  </si>
  <si>
    <t>小田原高等学校</t>
    <phoneticPr fontId="15"/>
  </si>
  <si>
    <t>105</t>
  </si>
  <si>
    <t>小田原東高等学校</t>
    <phoneticPr fontId="15"/>
  </si>
  <si>
    <t>106</t>
  </si>
  <si>
    <t>西湘高等学校</t>
    <phoneticPr fontId="15"/>
  </si>
  <si>
    <t>107</t>
  </si>
  <si>
    <t>小田原城北工業高等学校</t>
    <phoneticPr fontId="15"/>
  </si>
  <si>
    <t>108</t>
  </si>
  <si>
    <t>茅ケ崎高等学校</t>
    <phoneticPr fontId="15"/>
  </si>
  <si>
    <t>109</t>
  </si>
  <si>
    <t>茅ケ崎北陵高等学校</t>
    <phoneticPr fontId="15"/>
  </si>
  <si>
    <t>110</t>
  </si>
  <si>
    <t>鶴嶺高等学校</t>
    <phoneticPr fontId="15"/>
  </si>
  <si>
    <t>111</t>
  </si>
  <si>
    <t>茅ケ崎西浜高等学校</t>
    <phoneticPr fontId="15"/>
  </si>
  <si>
    <t>逗子葉山高等学校</t>
    <phoneticPr fontId="15"/>
  </si>
  <si>
    <t>114</t>
  </si>
  <si>
    <t>相原高等学校</t>
    <phoneticPr fontId="15"/>
  </si>
  <si>
    <t>115</t>
  </si>
  <si>
    <t>上溝高等学校</t>
    <phoneticPr fontId="15"/>
  </si>
  <si>
    <t>116</t>
  </si>
  <si>
    <t>神奈川総合産業高等学校</t>
    <phoneticPr fontId="15"/>
  </si>
  <si>
    <t>117</t>
  </si>
  <si>
    <t>相模原高等学校</t>
    <phoneticPr fontId="15"/>
  </si>
  <si>
    <t>119</t>
  </si>
  <si>
    <t>麻溝台高等学校</t>
    <phoneticPr fontId="15"/>
  </si>
  <si>
    <t>120</t>
  </si>
  <si>
    <t>上溝南高等学校</t>
    <phoneticPr fontId="15"/>
  </si>
  <si>
    <t>121</t>
  </si>
  <si>
    <t>上鶴間高等学校</t>
    <phoneticPr fontId="15"/>
  </si>
  <si>
    <t>122</t>
  </si>
  <si>
    <t>橋本高等学校</t>
    <phoneticPr fontId="15"/>
  </si>
  <si>
    <t>126</t>
  </si>
  <si>
    <t>相模原弥栄高等学校</t>
    <phoneticPr fontId="15"/>
  </si>
  <si>
    <t>129</t>
  </si>
  <si>
    <t>相模田名高等学校</t>
    <phoneticPr fontId="15"/>
  </si>
  <si>
    <t>131</t>
  </si>
  <si>
    <t>三浦初声高等学校</t>
    <phoneticPr fontId="15"/>
  </si>
  <si>
    <t>132</t>
  </si>
  <si>
    <t>秦野高等学校</t>
    <phoneticPr fontId="15"/>
  </si>
  <si>
    <t>134</t>
  </si>
  <si>
    <t>秦野総合高等学校</t>
    <phoneticPr fontId="15"/>
  </si>
  <si>
    <t>135</t>
  </si>
  <si>
    <t>秦野曽屋高等学校</t>
    <phoneticPr fontId="15"/>
  </si>
  <si>
    <t>136</t>
  </si>
  <si>
    <t>厚木高等学校</t>
    <phoneticPr fontId="15"/>
  </si>
  <si>
    <t>137</t>
  </si>
  <si>
    <t>139</t>
  </si>
  <si>
    <t>厚木北高等学校</t>
    <phoneticPr fontId="15"/>
  </si>
  <si>
    <t>140</t>
  </si>
  <si>
    <t>厚木清南高等学校</t>
    <phoneticPr fontId="15"/>
  </si>
  <si>
    <t>141</t>
  </si>
  <si>
    <t>厚木西高等学校</t>
    <phoneticPr fontId="15"/>
  </si>
  <si>
    <t>142</t>
  </si>
  <si>
    <t>大和高等学校</t>
    <phoneticPr fontId="15"/>
  </si>
  <si>
    <t>143</t>
  </si>
  <si>
    <t>大和南高等学校</t>
    <phoneticPr fontId="15"/>
  </si>
  <si>
    <t>144</t>
  </si>
  <si>
    <t>大和東高等学校</t>
    <phoneticPr fontId="15"/>
  </si>
  <si>
    <t>145</t>
  </si>
  <si>
    <t>大和西高等学校</t>
    <phoneticPr fontId="15"/>
  </si>
  <si>
    <t>146</t>
  </si>
  <si>
    <t>伊勢原高等学校</t>
    <phoneticPr fontId="15"/>
  </si>
  <si>
    <t>147</t>
  </si>
  <si>
    <t>伊志田高等学校</t>
    <phoneticPr fontId="15"/>
  </si>
  <si>
    <t>148</t>
  </si>
  <si>
    <t>中央農業高等学校</t>
    <phoneticPr fontId="15"/>
  </si>
  <si>
    <t>149</t>
  </si>
  <si>
    <t>海老名高等学校</t>
    <phoneticPr fontId="15"/>
  </si>
  <si>
    <t>150</t>
  </si>
  <si>
    <t>有馬高等学校</t>
    <phoneticPr fontId="15"/>
  </si>
  <si>
    <t>151</t>
  </si>
  <si>
    <t>座間高等学校</t>
    <phoneticPr fontId="15"/>
  </si>
  <si>
    <t>152</t>
  </si>
  <si>
    <t>座間総合高等学校</t>
    <phoneticPr fontId="15"/>
  </si>
  <si>
    <t>153</t>
  </si>
  <si>
    <t>相模向陽館高等学校</t>
    <phoneticPr fontId="15"/>
  </si>
  <si>
    <t>154</t>
  </si>
  <si>
    <t>足柄高等学校</t>
    <rPh sb="0" eb="2">
      <t>アシガラ</t>
    </rPh>
    <rPh sb="2" eb="6">
      <t>コウトウガッコウ</t>
    </rPh>
    <phoneticPr fontId="15"/>
  </si>
  <si>
    <t>155</t>
  </si>
  <si>
    <t>綾瀬高等学校</t>
    <phoneticPr fontId="15"/>
  </si>
  <si>
    <t>156</t>
  </si>
  <si>
    <t>綾瀬西高等学校</t>
    <phoneticPr fontId="15"/>
  </si>
  <si>
    <t>157</t>
  </si>
  <si>
    <t>寒川高等学校</t>
    <phoneticPr fontId="15"/>
  </si>
  <si>
    <t>158</t>
  </si>
  <si>
    <t>大磯高等学校</t>
    <phoneticPr fontId="15"/>
  </si>
  <si>
    <t>159</t>
  </si>
  <si>
    <t>二宮高等学校</t>
    <phoneticPr fontId="15"/>
  </si>
  <si>
    <t>160</t>
  </si>
  <si>
    <t>大井高等学校</t>
    <phoneticPr fontId="15"/>
  </si>
  <si>
    <t>161</t>
  </si>
  <si>
    <t>山北高等学校</t>
    <phoneticPr fontId="15"/>
  </si>
  <si>
    <t>162</t>
  </si>
  <si>
    <t>吉田島高等学校</t>
    <phoneticPr fontId="15"/>
  </si>
  <si>
    <t>164</t>
  </si>
  <si>
    <t>愛川高等学校</t>
    <phoneticPr fontId="15"/>
  </si>
  <si>
    <t>165</t>
  </si>
  <si>
    <t>相模原城山高等学校</t>
    <phoneticPr fontId="15"/>
  </si>
  <si>
    <t>166</t>
  </si>
  <si>
    <t>津久井高等学校</t>
    <phoneticPr fontId="15"/>
  </si>
  <si>
    <t>A01</t>
    <phoneticPr fontId="15"/>
  </si>
  <si>
    <t>平塚中等教育学校</t>
    <phoneticPr fontId="15"/>
  </si>
  <si>
    <t>A02</t>
  </si>
  <si>
    <t>相模原中等教育学校</t>
    <phoneticPr fontId="15"/>
  </si>
  <si>
    <t>B</t>
    <phoneticPr fontId="15"/>
  </si>
  <si>
    <t>平塚盲学校</t>
    <phoneticPr fontId="15"/>
  </si>
  <si>
    <t>D</t>
    <phoneticPr fontId="15"/>
  </si>
  <si>
    <t>平塚ろう学校</t>
    <phoneticPr fontId="15"/>
  </si>
  <si>
    <t>S-1</t>
    <phoneticPr fontId="15"/>
  </si>
  <si>
    <t>鶴見支援学校</t>
    <phoneticPr fontId="15"/>
  </si>
  <si>
    <t>S-2</t>
  </si>
  <si>
    <t>横浜南支援学校</t>
    <phoneticPr fontId="15"/>
  </si>
  <si>
    <t>S-3</t>
  </si>
  <si>
    <t>保土ケ谷支援学校</t>
    <phoneticPr fontId="15"/>
  </si>
  <si>
    <t>S-4</t>
  </si>
  <si>
    <t>みどり支援学校</t>
    <phoneticPr fontId="15"/>
  </si>
  <si>
    <t>S-5</t>
  </si>
  <si>
    <t>瀬谷支援学校</t>
    <phoneticPr fontId="15"/>
  </si>
  <si>
    <t>S-6</t>
  </si>
  <si>
    <t>三ツ境支援学校</t>
    <phoneticPr fontId="15"/>
  </si>
  <si>
    <t>S-7</t>
  </si>
  <si>
    <t>中原支援学校</t>
    <phoneticPr fontId="15"/>
  </si>
  <si>
    <t>S-8</t>
  </si>
  <si>
    <t>高津支援学校</t>
    <phoneticPr fontId="15"/>
  </si>
  <si>
    <t>S-9</t>
  </si>
  <si>
    <t>武山支援学校</t>
    <phoneticPr fontId="15"/>
  </si>
  <si>
    <t>S-10</t>
  </si>
  <si>
    <t>平塚支援学校</t>
    <phoneticPr fontId="15"/>
  </si>
  <si>
    <t>S-11</t>
  </si>
  <si>
    <t>湘南支援学校</t>
    <phoneticPr fontId="15"/>
  </si>
  <si>
    <t>S-12</t>
  </si>
  <si>
    <t>鎌倉支援学校</t>
    <phoneticPr fontId="15"/>
  </si>
  <si>
    <t>S-13</t>
  </si>
  <si>
    <t>藤沢支援学校</t>
    <phoneticPr fontId="15"/>
  </si>
  <si>
    <t>S-14</t>
  </si>
  <si>
    <t>小田原支援学校</t>
    <phoneticPr fontId="15"/>
  </si>
  <si>
    <t>S-15</t>
  </si>
  <si>
    <t>茅ケ崎支援学校</t>
    <phoneticPr fontId="15"/>
  </si>
  <si>
    <t>S-16</t>
  </si>
  <si>
    <t>相模原支援学校</t>
    <phoneticPr fontId="15"/>
  </si>
  <si>
    <t>S-17</t>
  </si>
  <si>
    <t>秦野支援学校</t>
    <phoneticPr fontId="15"/>
  </si>
  <si>
    <t>S-18</t>
  </si>
  <si>
    <t>伊勢原支援学校</t>
    <phoneticPr fontId="15"/>
  </si>
  <si>
    <t>S-19</t>
  </si>
  <si>
    <t>座間支援学校</t>
    <phoneticPr fontId="15"/>
  </si>
  <si>
    <t>S-20</t>
  </si>
  <si>
    <t>津久井支援学校</t>
    <phoneticPr fontId="15"/>
  </si>
  <si>
    <t>S-21</t>
  </si>
  <si>
    <t>麻生支援学校</t>
    <phoneticPr fontId="15"/>
  </si>
  <si>
    <t>S-22</t>
  </si>
  <si>
    <t>金沢支援学校</t>
    <phoneticPr fontId="15"/>
  </si>
  <si>
    <t>S-23</t>
  </si>
  <si>
    <t>岩戸支援学校</t>
    <phoneticPr fontId="15"/>
  </si>
  <si>
    <t>S-24</t>
  </si>
  <si>
    <t>相模原中央支援学校</t>
    <phoneticPr fontId="15"/>
  </si>
  <si>
    <t>S-25</t>
  </si>
  <si>
    <t>横浜ひなたやま支援学校</t>
    <phoneticPr fontId="15"/>
  </si>
  <si>
    <t>S-26</t>
  </si>
  <si>
    <t>えびな支援学校</t>
    <phoneticPr fontId="15"/>
  </si>
  <si>
    <t>S-27</t>
  </si>
  <si>
    <t>あおば支援学校</t>
    <phoneticPr fontId="15"/>
  </si>
  <si>
    <t>113</t>
    <phoneticPr fontId="1"/>
  </si>
  <si>
    <t>二俣川高等学校</t>
    <phoneticPr fontId="15"/>
  </si>
  <si>
    <t>厚木王子高等学校</t>
    <rPh sb="2" eb="4">
      <t>オウジ</t>
    </rPh>
    <phoneticPr fontId="15"/>
  </si>
  <si>
    <t>体育館</t>
    <rPh sb="0" eb="3">
      <t>タイイクカン</t>
    </rPh>
    <phoneticPr fontId="1"/>
  </si>
  <si>
    <t>※　利用希望の備品については、必ず貸出ができるとは限りません。詳しくは事務室へお問い合わせ</t>
    <rPh sb="2" eb="4">
      <t>リヨウ</t>
    </rPh>
    <rPh sb="4" eb="6">
      <t>キボウ</t>
    </rPh>
    <rPh sb="7" eb="9">
      <t>ビヒン</t>
    </rPh>
    <rPh sb="15" eb="16">
      <t>カナラ</t>
    </rPh>
    <rPh sb="17" eb="19">
      <t>カシダシ</t>
    </rPh>
    <rPh sb="25" eb="26">
      <t>カギ</t>
    </rPh>
    <rPh sb="31" eb="32">
      <t>クワ</t>
    </rPh>
    <rPh sb="35" eb="38">
      <t>ジムシツ</t>
    </rPh>
    <rPh sb="40" eb="41">
      <t>ト</t>
    </rPh>
    <rPh sb="42" eb="43">
      <t>ア</t>
    </rPh>
    <phoneticPr fontId="1"/>
  </si>
  <si>
    <t>ください。</t>
    <phoneticPr fontId="1"/>
  </si>
  <si>
    <t>　・利用責任者（及び利用者名簿の内容）が変更になる場合は、利用前に学校に連絡すること</t>
    <rPh sb="2" eb="4">
      <t>リヨウ</t>
    </rPh>
    <rPh sb="4" eb="7">
      <t>セキニンシャ</t>
    </rPh>
    <rPh sb="8" eb="9">
      <t>オヨ</t>
    </rPh>
    <rPh sb="10" eb="12">
      <t>リヨウ</t>
    </rPh>
    <rPh sb="12" eb="13">
      <t>シャ</t>
    </rPh>
    <rPh sb="13" eb="15">
      <t>メイボ</t>
    </rPh>
    <rPh sb="16" eb="18">
      <t>ナイヨウ</t>
    </rPh>
    <rPh sb="20" eb="22">
      <t>ヘンコウ</t>
    </rPh>
    <rPh sb="25" eb="27">
      <t>バアイ</t>
    </rPh>
    <rPh sb="29" eb="31">
      <t>リヨウ</t>
    </rPh>
    <rPh sb="31" eb="32">
      <t>マエ</t>
    </rPh>
    <rPh sb="33" eb="35">
      <t>ガッコウ</t>
    </rPh>
    <rPh sb="36" eb="38">
      <t>レンラク</t>
    </rPh>
    <phoneticPr fontId="1"/>
  </si>
  <si>
    <t>　・当日の使用をキャンセルする場合は、前日午後５時までに学校に連絡すること</t>
    <rPh sb="2" eb="4">
      <t>トウジツ</t>
    </rPh>
    <rPh sb="5" eb="7">
      <t>シヨウ</t>
    </rPh>
    <rPh sb="15" eb="17">
      <t>バアイ</t>
    </rPh>
    <rPh sb="19" eb="21">
      <t>ゼンジツ</t>
    </rPh>
    <rPh sb="21" eb="23">
      <t>ゴゴ</t>
    </rPh>
    <rPh sb="24" eb="25">
      <t>ジ</t>
    </rPh>
    <rPh sb="28" eb="30">
      <t>ガッコウ</t>
    </rPh>
    <rPh sb="31" eb="33">
      <t>レンラク</t>
    </rPh>
    <phoneticPr fontId="1"/>
  </si>
  <si>
    <t>0465-36-0111</t>
    <phoneticPr fontId="1"/>
  </si>
  <si>
    <t>神奈川県立小田原北高等学校</t>
    <rPh sb="0" eb="5">
      <t>カナガワケンリツ</t>
    </rPh>
    <rPh sb="5" eb="8">
      <t>オダワラ</t>
    </rPh>
    <rPh sb="8" eb="9">
      <t>キタ</t>
    </rPh>
    <rPh sb="9" eb="11">
      <t>コウトウ</t>
    </rPh>
    <rPh sb="11" eb="13">
      <t>ガッコウ</t>
    </rPh>
    <phoneticPr fontId="1"/>
  </si>
  <si>
    <t>神奈川県立小田原北高等学校長</t>
    <rPh sb="0" eb="5">
      <t>カナガワケンリツ</t>
    </rPh>
    <rPh sb="5" eb="8">
      <t>オダワラ</t>
    </rPh>
    <rPh sb="8" eb="9">
      <t>キタ</t>
    </rPh>
    <rPh sb="9" eb="11">
      <t>コウトウ</t>
    </rPh>
    <rPh sb="11" eb="13">
      <t>ガッコウ</t>
    </rPh>
    <rPh sb="13" eb="14">
      <t>チョウ</t>
    </rPh>
    <phoneticPr fontId="1"/>
  </si>
  <si>
    <t xml:space="preserve">  年</t>
    <rPh sb="2" eb="3">
      <t>ネン</t>
    </rPh>
    <phoneticPr fontId="1"/>
  </si>
  <si>
    <t>●体育館の半面利用は可能ですか？　　（　可　・　不可　・　利用日によっては可　）</t>
    <rPh sb="1" eb="4">
      <t>タイイクカン</t>
    </rPh>
    <rPh sb="5" eb="7">
      <t>ハンメン</t>
    </rPh>
    <rPh sb="7" eb="9">
      <t>リヨウ</t>
    </rPh>
    <rPh sb="10" eb="12">
      <t>カノウ</t>
    </rPh>
    <rPh sb="20" eb="21">
      <t>カ</t>
    </rPh>
    <rPh sb="24" eb="26">
      <t>フカ</t>
    </rPh>
    <rPh sb="29" eb="32">
      <t>リヨウビ</t>
    </rPh>
    <rPh sb="37" eb="38">
      <t>カ</t>
    </rPh>
    <phoneticPr fontId="1"/>
  </si>
  <si>
    <t>有 ・ 無</t>
    <rPh sb="0" eb="1">
      <t>ア</t>
    </rPh>
    <rPh sb="4" eb="5">
      <t>ナ</t>
    </rPh>
    <phoneticPr fontId="1"/>
  </si>
  <si>
    <t>※「有」の場合→利用者名簿を提出してください。</t>
    <rPh sb="2" eb="3">
      <t>ア</t>
    </rPh>
    <rPh sb="5" eb="7">
      <t>バアイ</t>
    </rPh>
    <rPh sb="8" eb="10">
      <t>リヨウ</t>
    </rPh>
    <rPh sb="10" eb="11">
      <t>シャ</t>
    </rPh>
    <rPh sb="11" eb="13">
      <t>メイボ</t>
    </rPh>
    <rPh sb="14" eb="16">
      <t>テイシュツ</t>
    </rPh>
    <phoneticPr fontId="1"/>
  </si>
  <si>
    <t>※可能な日の施設名欄に「半」とご記入ください。</t>
    <rPh sb="1" eb="3">
      <t>カノウ</t>
    </rPh>
    <rPh sb="4" eb="5">
      <t>ニチ</t>
    </rPh>
    <rPh sb="6" eb="8">
      <t>シセツ</t>
    </rPh>
    <rPh sb="8" eb="9">
      <t>メイ</t>
    </rPh>
    <rPh sb="9" eb="10">
      <t>ラン</t>
    </rPh>
    <rPh sb="12" eb="13">
      <t>ハン</t>
    </rPh>
    <rPh sb="16" eb="18">
      <t>キニュ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7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游ゴシック"/>
      <family val="3"/>
      <charset val="128"/>
      <scheme val="minor"/>
    </font>
    <font>
      <sz val="8"/>
      <color theme="1"/>
      <name val="游ゴシック"/>
      <family val="3"/>
      <charset val="128"/>
      <scheme val="minor"/>
    </font>
    <font>
      <sz val="12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b/>
      <sz val="16"/>
      <color theme="0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2"/>
      <name val="ＭＳ 明朝"/>
      <family val="1"/>
      <charset val="128"/>
    </font>
    <font>
      <sz val="11"/>
      <name val="明朝"/>
      <family val="1"/>
      <charset val="128"/>
    </font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10.5"/>
      <color theme="1"/>
      <name val="ＭＳ 明朝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theme="1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0"/>
        <bgColor indexed="64"/>
      </patternFill>
    </fill>
  </fills>
  <borders count="51">
    <border>
      <left/>
      <right/>
      <top/>
      <bottom/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/>
      <right style="thin">
        <color auto="1"/>
      </right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auto="1"/>
      </bottom>
      <diagonal/>
    </border>
    <border>
      <left/>
      <right style="medium">
        <color indexed="64"/>
      </right>
      <top/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 style="medium">
        <color indexed="64"/>
      </left>
      <right/>
      <top style="thin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 diagonalUp="1">
      <left style="thin">
        <color auto="1"/>
      </left>
      <right/>
      <top/>
      <bottom style="thin">
        <color auto="1"/>
      </bottom>
      <diagonal style="thin">
        <color auto="1"/>
      </diagonal>
    </border>
    <border diagonalUp="1">
      <left/>
      <right style="thin">
        <color auto="1"/>
      </right>
      <top/>
      <bottom style="thin">
        <color auto="1"/>
      </bottom>
      <diagonal style="thin">
        <color auto="1"/>
      </diagonal>
    </border>
    <border diagonalUp="1">
      <left style="thin">
        <color auto="1"/>
      </left>
      <right/>
      <top style="thin">
        <color auto="1"/>
      </top>
      <bottom style="thin">
        <color auto="1"/>
      </bottom>
      <diagonal style="thin">
        <color auto="1"/>
      </diagonal>
    </border>
    <border diagonalUp="1">
      <left/>
      <right style="thin">
        <color auto="1"/>
      </right>
      <top style="thin">
        <color auto="1"/>
      </top>
      <bottom style="thin">
        <color auto="1"/>
      </bottom>
      <diagonal style="thin">
        <color auto="1"/>
      </diagonal>
    </border>
    <border diagonalUp="1">
      <left style="thin">
        <color auto="1"/>
      </left>
      <right/>
      <top style="thin">
        <color auto="1"/>
      </top>
      <bottom style="medium">
        <color auto="1"/>
      </bottom>
      <diagonal style="thin">
        <color auto="1"/>
      </diagonal>
    </border>
    <border diagonalUp="1">
      <left/>
      <right style="thin">
        <color auto="1"/>
      </right>
      <top style="thin">
        <color auto="1"/>
      </top>
      <bottom style="medium">
        <color auto="1"/>
      </bottom>
      <diagonal style="thin">
        <color auto="1"/>
      </diagonal>
    </border>
  </borders>
  <cellStyleXfs count="7">
    <xf numFmtId="0" fontId="0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12" fillId="0" borderId="0">
      <alignment vertical="center"/>
    </xf>
    <xf numFmtId="0" fontId="13" fillId="0" borderId="0"/>
    <xf numFmtId="38" fontId="13" fillId="0" borderId="0" applyFont="0" applyFill="0" applyBorder="0" applyAlignment="0" applyProtection="0"/>
    <xf numFmtId="0" fontId="12" fillId="0" borderId="0">
      <alignment vertical="center"/>
    </xf>
    <xf numFmtId="0" fontId="14" fillId="0" borderId="0"/>
  </cellStyleXfs>
  <cellXfs count="119">
    <xf numFmtId="0" fontId="0" fillId="0" borderId="0" xfId="0">
      <alignment vertical="center"/>
    </xf>
    <xf numFmtId="0" fontId="3" fillId="0" borderId="0" xfId="0" applyFont="1">
      <alignment vertical="center"/>
    </xf>
    <xf numFmtId="0" fontId="2" fillId="0" borderId="0" xfId="0" applyFont="1">
      <alignment vertical="center"/>
    </xf>
    <xf numFmtId="0" fontId="5" fillId="0" borderId="0" xfId="0" applyFont="1" applyAlignment="1">
      <alignment horizontal="right" vertical="center"/>
    </xf>
    <xf numFmtId="0" fontId="8" fillId="0" borderId="0" xfId="0" applyFont="1">
      <alignment vertical="center"/>
    </xf>
    <xf numFmtId="0" fontId="6" fillId="0" borderId="0" xfId="0" applyFont="1" applyFill="1" applyBorder="1" applyAlignment="1">
      <alignment vertical="center"/>
    </xf>
    <xf numFmtId="0" fontId="6" fillId="0" borderId="0" xfId="0" applyFont="1" applyFill="1" applyBorder="1">
      <alignment vertical="center"/>
    </xf>
    <xf numFmtId="0" fontId="6" fillId="0" borderId="0" xfId="0" applyFont="1">
      <alignment vertical="center"/>
    </xf>
    <xf numFmtId="0" fontId="6" fillId="0" borderId="0" xfId="0" applyFont="1" applyAlignment="1">
      <alignment vertical="center"/>
    </xf>
    <xf numFmtId="0" fontId="6" fillId="0" borderId="0" xfId="0" applyFont="1" applyBorder="1">
      <alignment vertical="center"/>
    </xf>
    <xf numFmtId="0" fontId="2" fillId="0" borderId="0" xfId="0" applyFont="1">
      <alignment vertical="center"/>
    </xf>
    <xf numFmtId="0" fontId="6" fillId="0" borderId="0" xfId="0" applyFont="1" applyAlignment="1">
      <alignment vertical="center"/>
    </xf>
    <xf numFmtId="0" fontId="6" fillId="0" borderId="0" xfId="0" applyFont="1" applyBorder="1">
      <alignment vertical="center"/>
    </xf>
    <xf numFmtId="0" fontId="14" fillId="0" borderId="43" xfId="6" applyBorder="1" applyAlignment="1">
      <alignment horizontal="center" vertical="center"/>
    </xf>
    <xf numFmtId="0" fontId="14" fillId="0" borderId="0" xfId="6" applyBorder="1" applyAlignment="1">
      <alignment horizontal="center"/>
    </xf>
    <xf numFmtId="0" fontId="14" fillId="0" borderId="0" xfId="6"/>
    <xf numFmtId="49" fontId="14" fillId="0" borderId="43" xfId="6" applyNumberFormat="1" applyBorder="1"/>
    <xf numFmtId="0" fontId="14" fillId="0" borderId="43" xfId="6" applyBorder="1"/>
    <xf numFmtId="0" fontId="14" fillId="0" borderId="0" xfId="6" applyBorder="1"/>
    <xf numFmtId="0" fontId="14" fillId="3" borderId="0" xfId="6" applyFill="1"/>
    <xf numFmtId="0" fontId="14" fillId="0" borderId="44" xfId="6" applyBorder="1"/>
    <xf numFmtId="0" fontId="14" fillId="0" borderId="4" xfId="6" applyBorder="1"/>
    <xf numFmtId="0" fontId="14" fillId="0" borderId="43" xfId="6" applyFill="1" applyBorder="1"/>
    <xf numFmtId="49" fontId="14" fillId="0" borderId="43" xfId="6" applyNumberFormat="1" applyFill="1" applyBorder="1"/>
    <xf numFmtId="0" fontId="6" fillId="0" borderId="0" xfId="0" applyFont="1" applyAlignment="1">
      <alignment vertical="center"/>
    </xf>
    <xf numFmtId="0" fontId="6" fillId="5" borderId="0" xfId="0" applyFont="1" applyFill="1" applyBorder="1" applyAlignment="1">
      <alignment vertical="center"/>
    </xf>
    <xf numFmtId="0" fontId="2" fillId="5" borderId="0" xfId="0" applyFont="1" applyFill="1">
      <alignment vertical="center"/>
    </xf>
    <xf numFmtId="0" fontId="3" fillId="5" borderId="0" xfId="0" applyFont="1" applyFill="1">
      <alignment vertical="center"/>
    </xf>
    <xf numFmtId="0" fontId="2" fillId="5" borderId="0" xfId="0" applyFont="1" applyFill="1" applyBorder="1">
      <alignment vertical="center"/>
    </xf>
    <xf numFmtId="0" fontId="7" fillId="5" borderId="0" xfId="0" applyFont="1" applyFill="1" applyBorder="1" applyAlignment="1">
      <alignment vertical="center"/>
    </xf>
    <xf numFmtId="0" fontId="2" fillId="5" borderId="0" xfId="0" applyFont="1" applyFill="1" applyAlignment="1">
      <alignment vertical="center"/>
    </xf>
    <xf numFmtId="0" fontId="6" fillId="5" borderId="0" xfId="0" applyFont="1" applyFill="1">
      <alignment vertical="center"/>
    </xf>
    <xf numFmtId="0" fontId="6" fillId="5" borderId="0" xfId="0" applyFont="1" applyFill="1" applyBorder="1" applyAlignment="1">
      <alignment horizontal="left" vertical="center"/>
    </xf>
    <xf numFmtId="0" fontId="6" fillId="5" borderId="0" xfId="0" applyFont="1" applyFill="1" applyBorder="1" applyAlignment="1">
      <alignment horizontal="center" vertical="center"/>
    </xf>
    <xf numFmtId="0" fontId="11" fillId="5" borderId="0" xfId="0" applyFont="1" applyFill="1" applyBorder="1" applyAlignment="1">
      <alignment vertical="center"/>
    </xf>
    <xf numFmtId="0" fontId="9" fillId="5" borderId="29" xfId="0" applyFont="1" applyFill="1" applyBorder="1" applyAlignment="1">
      <alignment horizontal="center" vertical="center"/>
    </xf>
    <xf numFmtId="0" fontId="6" fillId="5" borderId="7" xfId="0" applyFont="1" applyFill="1" applyBorder="1" applyAlignment="1">
      <alignment horizontal="center" vertical="center"/>
    </xf>
    <xf numFmtId="0" fontId="2" fillId="5" borderId="7" xfId="0" applyFont="1" applyFill="1" applyBorder="1" applyAlignment="1">
      <alignment horizontal="center" vertical="center"/>
    </xf>
    <xf numFmtId="38" fontId="3" fillId="5" borderId="0" xfId="1" applyFont="1" applyFill="1">
      <alignment vertical="center"/>
    </xf>
    <xf numFmtId="0" fontId="9" fillId="5" borderId="33" xfId="0" applyFont="1" applyFill="1" applyBorder="1" applyAlignment="1">
      <alignment horizontal="center" vertical="center"/>
    </xf>
    <xf numFmtId="0" fontId="6" fillId="5" borderId="15" xfId="0" applyFont="1" applyFill="1" applyBorder="1" applyAlignment="1">
      <alignment horizontal="center" vertical="center"/>
    </xf>
    <xf numFmtId="0" fontId="2" fillId="5" borderId="15" xfId="0" applyFont="1" applyFill="1" applyBorder="1" applyAlignment="1">
      <alignment horizontal="center" vertical="center"/>
    </xf>
    <xf numFmtId="0" fontId="9" fillId="5" borderId="0" xfId="0" applyFont="1" applyFill="1" applyBorder="1">
      <alignment vertical="center"/>
    </xf>
    <xf numFmtId="0" fontId="6" fillId="5" borderId="15" xfId="0" applyFont="1" applyFill="1" applyBorder="1" applyAlignment="1">
      <alignment horizontal="right" vertical="center"/>
    </xf>
    <xf numFmtId="0" fontId="6" fillId="5" borderId="15" xfId="0" applyFont="1" applyFill="1" applyBorder="1">
      <alignment vertical="center"/>
    </xf>
    <xf numFmtId="0" fontId="6" fillId="5" borderId="0" xfId="0" applyFont="1" applyFill="1" applyBorder="1" applyAlignment="1">
      <alignment horizontal="right" vertical="center"/>
    </xf>
    <xf numFmtId="0" fontId="11" fillId="5" borderId="0" xfId="0" applyFont="1" applyFill="1">
      <alignment vertical="center"/>
    </xf>
    <xf numFmtId="0" fontId="6" fillId="0" borderId="0" xfId="0" applyFont="1" applyBorder="1">
      <alignment vertical="center"/>
    </xf>
    <xf numFmtId="0" fontId="6" fillId="5" borderId="0" xfId="0" applyFont="1" applyFill="1" applyAlignment="1">
      <alignment vertical="center"/>
    </xf>
    <xf numFmtId="0" fontId="16" fillId="5" borderId="32" xfId="0" applyFont="1" applyFill="1" applyBorder="1" applyAlignment="1">
      <alignment horizontal="center" vertical="center"/>
    </xf>
    <xf numFmtId="0" fontId="16" fillId="5" borderId="0" xfId="0" applyFont="1" applyFill="1" applyBorder="1" applyAlignment="1">
      <alignment horizontal="center" vertical="center"/>
    </xf>
    <xf numFmtId="0" fontId="6" fillId="5" borderId="0" xfId="0" applyFont="1" applyFill="1" applyBorder="1" applyAlignment="1">
      <alignment horizontal="left" vertical="center"/>
    </xf>
    <xf numFmtId="0" fontId="6" fillId="5" borderId="5" xfId="0" applyFont="1" applyFill="1" applyBorder="1" applyAlignment="1">
      <alignment horizontal="left" vertical="center"/>
    </xf>
    <xf numFmtId="0" fontId="6" fillId="5" borderId="2" xfId="0" applyFont="1" applyFill="1" applyBorder="1" applyAlignment="1">
      <alignment horizontal="center" vertical="center"/>
    </xf>
    <xf numFmtId="0" fontId="6" fillId="5" borderId="1" xfId="0" applyFont="1" applyFill="1" applyBorder="1" applyAlignment="1">
      <alignment horizontal="center" vertical="center"/>
    </xf>
    <xf numFmtId="0" fontId="6" fillId="5" borderId="3" xfId="0" applyFont="1" applyFill="1" applyBorder="1" applyAlignment="1">
      <alignment horizontal="center" vertical="center"/>
    </xf>
    <xf numFmtId="0" fontId="6" fillId="5" borderId="6" xfId="0" applyFont="1" applyFill="1" applyBorder="1" applyAlignment="1">
      <alignment horizontal="center" vertical="center"/>
    </xf>
    <xf numFmtId="0" fontId="6" fillId="5" borderId="7" xfId="0" applyFont="1" applyFill="1" applyBorder="1" applyAlignment="1">
      <alignment horizontal="center" vertical="center"/>
    </xf>
    <xf numFmtId="0" fontId="6" fillId="5" borderId="8" xfId="0" applyFont="1" applyFill="1" applyBorder="1" applyAlignment="1">
      <alignment horizontal="center" vertical="center"/>
    </xf>
    <xf numFmtId="0" fontId="10" fillId="2" borderId="0" xfId="0" applyFont="1" applyFill="1" applyAlignment="1">
      <alignment horizontal="center" vertical="center"/>
    </xf>
    <xf numFmtId="0" fontId="6" fillId="0" borderId="0" xfId="0" applyFont="1" applyAlignment="1">
      <alignment horizontal="left" vertical="center" wrapText="1"/>
    </xf>
    <xf numFmtId="0" fontId="6" fillId="5" borderId="35" xfId="0" applyFont="1" applyFill="1" applyBorder="1" applyAlignment="1">
      <alignment horizontal="center" vertical="center"/>
    </xf>
    <xf numFmtId="0" fontId="6" fillId="5" borderId="15" xfId="0" applyFont="1" applyFill="1" applyBorder="1" applyAlignment="1">
      <alignment horizontal="center" vertical="center"/>
    </xf>
    <xf numFmtId="0" fontId="6" fillId="5" borderId="34" xfId="0" applyFont="1" applyFill="1" applyBorder="1" applyAlignment="1">
      <alignment horizontal="center" vertical="center"/>
    </xf>
    <xf numFmtId="0" fontId="6" fillId="5" borderId="40" xfId="0" applyFont="1" applyFill="1" applyBorder="1" applyAlignment="1">
      <alignment horizontal="left" vertical="center"/>
    </xf>
    <xf numFmtId="0" fontId="6" fillId="5" borderId="41" xfId="0" applyFont="1" applyFill="1" applyBorder="1" applyAlignment="1">
      <alignment horizontal="left" vertical="center"/>
    </xf>
    <xf numFmtId="0" fontId="6" fillId="5" borderId="42" xfId="0" applyFont="1" applyFill="1" applyBorder="1" applyAlignment="1">
      <alignment horizontal="left" vertical="center"/>
    </xf>
    <xf numFmtId="0" fontId="6" fillId="5" borderId="32" xfId="0" applyFont="1" applyFill="1" applyBorder="1" applyAlignment="1">
      <alignment horizontal="center" vertical="center"/>
    </xf>
    <xf numFmtId="0" fontId="6" fillId="5" borderId="0" xfId="0" applyFont="1" applyFill="1" applyBorder="1" applyAlignment="1">
      <alignment horizontal="center" vertical="center"/>
    </xf>
    <xf numFmtId="0" fontId="9" fillId="5" borderId="32" xfId="0" applyFont="1" applyFill="1" applyBorder="1">
      <alignment vertical="center"/>
    </xf>
    <xf numFmtId="0" fontId="9" fillId="5" borderId="0" xfId="0" applyFont="1" applyFill="1" applyBorder="1">
      <alignment vertical="center"/>
    </xf>
    <xf numFmtId="0" fontId="9" fillId="5" borderId="37" xfId="0" applyFont="1" applyFill="1" applyBorder="1">
      <alignment vertical="center"/>
    </xf>
    <xf numFmtId="0" fontId="9" fillId="5" borderId="33" xfId="0" applyFont="1" applyFill="1" applyBorder="1">
      <alignment vertical="center"/>
    </xf>
    <xf numFmtId="0" fontId="9" fillId="5" borderId="15" xfId="0" applyFont="1" applyFill="1" applyBorder="1">
      <alignment vertical="center"/>
    </xf>
    <xf numFmtId="0" fontId="9" fillId="5" borderId="36" xfId="0" applyFont="1" applyFill="1" applyBorder="1">
      <alignment vertical="center"/>
    </xf>
    <xf numFmtId="0" fontId="6" fillId="5" borderId="47" xfId="0" applyFont="1" applyFill="1" applyBorder="1" applyAlignment="1">
      <alignment horizontal="center" vertical="center"/>
    </xf>
    <xf numFmtId="0" fontId="6" fillId="5" borderId="48" xfId="0" applyFont="1" applyFill="1" applyBorder="1" applyAlignment="1">
      <alignment horizontal="center" vertical="center"/>
    </xf>
    <xf numFmtId="0" fontId="6" fillId="5" borderId="49" xfId="0" applyFont="1" applyFill="1" applyBorder="1" applyAlignment="1">
      <alignment horizontal="center" vertical="center"/>
    </xf>
    <xf numFmtId="0" fontId="6" fillId="5" borderId="50" xfId="0" applyFont="1" applyFill="1" applyBorder="1" applyAlignment="1">
      <alignment horizontal="center" vertical="center"/>
    </xf>
    <xf numFmtId="0" fontId="6" fillId="5" borderId="31" xfId="0" applyFont="1" applyFill="1" applyBorder="1" applyAlignment="1">
      <alignment horizontal="center" vertical="center"/>
    </xf>
    <xf numFmtId="0" fontId="6" fillId="5" borderId="36" xfId="0" applyFont="1" applyFill="1" applyBorder="1" applyAlignment="1">
      <alignment horizontal="center" vertical="center"/>
    </xf>
    <xf numFmtId="0" fontId="6" fillId="5" borderId="30" xfId="0" applyFont="1" applyFill="1" applyBorder="1" applyAlignment="1">
      <alignment horizontal="center" vertical="center"/>
    </xf>
    <xf numFmtId="0" fontId="6" fillId="5" borderId="25" xfId="0" applyFont="1" applyFill="1" applyBorder="1" applyAlignment="1">
      <alignment horizontal="center" vertical="center" wrapText="1"/>
    </xf>
    <xf numFmtId="0" fontId="6" fillId="5" borderId="26" xfId="0" applyFont="1" applyFill="1" applyBorder="1" applyAlignment="1">
      <alignment horizontal="center" vertical="center"/>
    </xf>
    <xf numFmtId="0" fontId="6" fillId="5" borderId="27" xfId="0" applyFont="1" applyFill="1" applyBorder="1" applyAlignment="1">
      <alignment horizontal="center" vertical="center"/>
    </xf>
    <xf numFmtId="0" fontId="6" fillId="5" borderId="25" xfId="0" applyFont="1" applyFill="1" applyBorder="1" applyAlignment="1">
      <alignment horizontal="center" vertical="center"/>
    </xf>
    <xf numFmtId="0" fontId="6" fillId="5" borderId="27" xfId="0" applyFont="1" applyFill="1" applyBorder="1" applyAlignment="1">
      <alignment horizontal="center" vertical="center" wrapText="1"/>
    </xf>
    <xf numFmtId="0" fontId="6" fillId="5" borderId="20" xfId="0" applyFont="1" applyFill="1" applyBorder="1" applyAlignment="1">
      <alignment horizontal="center" vertical="center"/>
    </xf>
    <xf numFmtId="0" fontId="6" fillId="5" borderId="22" xfId="0" applyFont="1" applyFill="1" applyBorder="1" applyAlignment="1">
      <alignment horizontal="center" vertical="center"/>
    </xf>
    <xf numFmtId="0" fontId="6" fillId="5" borderId="4" xfId="0" applyFont="1" applyFill="1" applyBorder="1" applyAlignment="1">
      <alignment horizontal="center" vertical="center"/>
    </xf>
    <xf numFmtId="0" fontId="6" fillId="5" borderId="5" xfId="0" applyFont="1" applyFill="1" applyBorder="1" applyAlignment="1">
      <alignment horizontal="center" vertical="center"/>
    </xf>
    <xf numFmtId="0" fontId="6" fillId="5" borderId="45" xfId="0" applyFont="1" applyFill="1" applyBorder="1" applyAlignment="1">
      <alignment horizontal="center" vertical="center"/>
    </xf>
    <xf numFmtId="0" fontId="6" fillId="5" borderId="46" xfId="0" applyFont="1" applyFill="1" applyBorder="1" applyAlignment="1">
      <alignment horizontal="center" vertical="center"/>
    </xf>
    <xf numFmtId="0" fontId="6" fillId="5" borderId="20" xfId="0" applyFont="1" applyFill="1" applyBorder="1" applyAlignment="1">
      <alignment horizontal="center" vertical="center" shrinkToFit="1"/>
    </xf>
    <xf numFmtId="0" fontId="6" fillId="5" borderId="22" xfId="0" applyFont="1" applyFill="1" applyBorder="1" applyAlignment="1">
      <alignment horizontal="center" vertical="center" shrinkToFit="1"/>
    </xf>
    <xf numFmtId="0" fontId="6" fillId="5" borderId="16" xfId="0" applyFont="1" applyFill="1" applyBorder="1" applyAlignment="1">
      <alignment horizontal="center" vertical="center"/>
    </xf>
    <xf numFmtId="0" fontId="6" fillId="5" borderId="17" xfId="0" applyFont="1" applyFill="1" applyBorder="1" applyAlignment="1">
      <alignment horizontal="center" vertical="center"/>
    </xf>
    <xf numFmtId="0" fontId="6" fillId="5" borderId="18" xfId="0" applyFont="1" applyFill="1" applyBorder="1" applyAlignment="1">
      <alignment horizontal="center" vertical="center"/>
    </xf>
    <xf numFmtId="0" fontId="6" fillId="5" borderId="9" xfId="0" applyFont="1" applyFill="1" applyBorder="1" applyAlignment="1">
      <alignment horizontal="center" vertical="center" shrinkToFit="1"/>
    </xf>
    <xf numFmtId="0" fontId="6" fillId="5" borderId="10" xfId="0" applyFont="1" applyFill="1" applyBorder="1" applyAlignment="1">
      <alignment horizontal="center" vertical="center" shrinkToFit="1"/>
    </xf>
    <xf numFmtId="0" fontId="6" fillId="5" borderId="11" xfId="0" applyFont="1" applyFill="1" applyBorder="1" applyAlignment="1">
      <alignment horizontal="center" vertical="center" shrinkToFit="1"/>
    </xf>
    <xf numFmtId="0" fontId="6" fillId="4" borderId="17" xfId="0" applyFont="1" applyFill="1" applyBorder="1" applyAlignment="1">
      <alignment horizontal="center" vertical="center"/>
    </xf>
    <xf numFmtId="0" fontId="6" fillId="5" borderId="38" xfId="0" applyFont="1" applyFill="1" applyBorder="1" applyAlignment="1">
      <alignment horizontal="center" vertical="center"/>
    </xf>
    <xf numFmtId="0" fontId="6" fillId="5" borderId="19" xfId="0" applyFont="1" applyFill="1" applyBorder="1" applyAlignment="1">
      <alignment horizontal="center" vertical="center"/>
    </xf>
    <xf numFmtId="0" fontId="6" fillId="5" borderId="12" xfId="0" applyFont="1" applyFill="1" applyBorder="1" applyAlignment="1">
      <alignment horizontal="center" vertical="center"/>
    </xf>
    <xf numFmtId="0" fontId="6" fillId="5" borderId="13" xfId="0" applyFont="1" applyFill="1" applyBorder="1" applyAlignment="1">
      <alignment horizontal="center" vertical="center"/>
    </xf>
    <xf numFmtId="0" fontId="6" fillId="5" borderId="14" xfId="0" applyFont="1" applyFill="1" applyBorder="1" applyAlignment="1">
      <alignment horizontal="center" vertical="center"/>
    </xf>
    <xf numFmtId="0" fontId="6" fillId="5" borderId="21" xfId="0" applyFont="1" applyFill="1" applyBorder="1" applyAlignment="1">
      <alignment horizontal="center" vertical="center"/>
    </xf>
    <xf numFmtId="0" fontId="6" fillId="5" borderId="24" xfId="0" applyFont="1" applyFill="1" applyBorder="1" applyAlignment="1">
      <alignment horizontal="center" vertical="center"/>
    </xf>
    <xf numFmtId="0" fontId="6" fillId="5" borderId="33" xfId="0" applyFont="1" applyFill="1" applyBorder="1" applyAlignment="1">
      <alignment horizontal="center" vertical="center"/>
    </xf>
    <xf numFmtId="0" fontId="6" fillId="5" borderId="37" xfId="0" applyFont="1" applyFill="1" applyBorder="1" applyAlignment="1">
      <alignment horizontal="center" vertical="center"/>
    </xf>
    <xf numFmtId="0" fontId="6" fillId="5" borderId="27" xfId="0" applyFont="1" applyFill="1" applyBorder="1" applyAlignment="1">
      <alignment horizontal="center" vertical="center" shrinkToFit="1"/>
    </xf>
    <xf numFmtId="0" fontId="6" fillId="5" borderId="25" xfId="0" applyFont="1" applyFill="1" applyBorder="1" applyAlignment="1">
      <alignment horizontal="center" vertical="center" shrinkToFit="1"/>
    </xf>
    <xf numFmtId="0" fontId="6" fillId="5" borderId="28" xfId="0" applyFont="1" applyFill="1" applyBorder="1" applyAlignment="1">
      <alignment horizontal="center" vertical="center" shrinkToFit="1"/>
    </xf>
    <xf numFmtId="0" fontId="6" fillId="5" borderId="35" xfId="0" applyFont="1" applyFill="1" applyBorder="1" applyAlignment="1">
      <alignment horizontal="center" vertical="center" shrinkToFit="1"/>
    </xf>
    <xf numFmtId="0" fontId="6" fillId="5" borderId="15" xfId="0" applyFont="1" applyFill="1" applyBorder="1" applyAlignment="1">
      <alignment horizontal="center" vertical="center" shrinkToFit="1"/>
    </xf>
    <xf numFmtId="0" fontId="6" fillId="5" borderId="36" xfId="0" applyFont="1" applyFill="1" applyBorder="1" applyAlignment="1">
      <alignment horizontal="center" vertical="center" shrinkToFit="1"/>
    </xf>
    <xf numFmtId="0" fontId="6" fillId="5" borderId="39" xfId="0" applyFont="1" applyFill="1" applyBorder="1" applyAlignment="1">
      <alignment horizontal="center" vertical="center"/>
    </xf>
    <xf numFmtId="0" fontId="6" fillId="5" borderId="23" xfId="0" applyFont="1" applyFill="1" applyBorder="1" applyAlignment="1">
      <alignment horizontal="center" vertical="center"/>
    </xf>
  </cellXfs>
  <cellStyles count="7">
    <cellStyle name="桁区切り" xfId="1" builtinId="6"/>
    <cellStyle name="桁区切り 2" xfId="4" xr:uid="{00000000-0005-0000-0000-000001000000}"/>
    <cellStyle name="標準" xfId="0" builtinId="0"/>
    <cellStyle name="標準 2" xfId="2" xr:uid="{00000000-0005-0000-0000-000003000000}"/>
    <cellStyle name="標準 2 2" xfId="6" xr:uid="{00000000-0005-0000-0000-000004000000}"/>
    <cellStyle name="標準 3" xfId="3" xr:uid="{00000000-0005-0000-0000-000005000000}"/>
    <cellStyle name="標準 3 2" xfId="5" xr:uid="{00000000-0005-0000-0000-000006000000}"/>
  </cellStyles>
  <dxfs count="2">
    <dxf>
      <fill>
        <patternFill>
          <bgColor theme="4" tint="0.79998168889431442"/>
        </patternFill>
      </fill>
    </dxf>
    <dxf>
      <fill>
        <patternFill>
          <bgColor theme="4" tint="0.7999816888943144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Relationship Id="rId9" Type="http://schemas.openxmlformats.org/officeDocument/2006/relationships/customXml" Target="../customXml/item3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8</xdr:col>
      <xdr:colOff>68580</xdr:colOff>
      <xdr:row>9</xdr:row>
      <xdr:rowOff>76200</xdr:rowOff>
    </xdr:from>
    <xdr:to>
      <xdr:col>51</xdr:col>
      <xdr:colOff>160020</xdr:colOff>
      <xdr:row>17</xdr:row>
      <xdr:rowOff>91440</xdr:rowOff>
    </xdr:to>
    <xdr:sp macro="" textlink="">
      <xdr:nvSpPr>
        <xdr:cNvPr id="3" name="角丸四角形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/>
      </xdr:nvSpPr>
      <xdr:spPr>
        <a:xfrm>
          <a:off x="7326630" y="1866900"/>
          <a:ext cx="2929890" cy="1396365"/>
        </a:xfrm>
        <a:prstGeom prst="roundRect">
          <a:avLst/>
        </a:prstGeom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l"/>
          <a:r>
            <a:rPr kumimoji="1" lang="en-US" altLang="ja-JP" sz="1100"/>
            <a:t>【</a:t>
          </a:r>
          <a:r>
            <a:rPr kumimoji="1" lang="ja-JP" altLang="en-US" sz="1100"/>
            <a:t>補足</a:t>
          </a:r>
          <a:r>
            <a:rPr kumimoji="1" lang="en-US" altLang="ja-JP" sz="1100"/>
            <a:t>】</a:t>
          </a:r>
        </a:p>
        <a:p>
          <a:pPr algn="l"/>
          <a:r>
            <a:rPr kumimoji="1" lang="ja-JP" altLang="en-US" sz="1100"/>
            <a:t>青・・・学校記入</a:t>
          </a:r>
          <a:endParaRPr kumimoji="1" lang="en-US" altLang="ja-JP" sz="1100"/>
        </a:p>
        <a:p>
          <a:pPr algn="l"/>
          <a:r>
            <a:rPr kumimoji="1" lang="ja-JP" altLang="en-US" sz="1100"/>
            <a:t>黄・・・利用者記入</a:t>
          </a:r>
          <a:endParaRPr kumimoji="1" lang="en-US" altLang="ja-JP" sz="1100"/>
        </a:p>
        <a:p>
          <a:pPr algn="l"/>
          <a:r>
            <a:rPr kumimoji="1" lang="en-US" altLang="ja-JP" sz="1100"/>
            <a:t>※</a:t>
          </a:r>
          <a:r>
            <a:rPr kumimoji="1" lang="ja-JP" altLang="en-US" sz="1100"/>
            <a:t>書き方のサンプルをつけるとよい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C000"/>
  </sheetPr>
  <dimension ref="A1:BD51"/>
  <sheetViews>
    <sheetView tabSelected="1" view="pageBreakPreview" zoomScaleNormal="100" zoomScaleSheetLayoutView="100" workbookViewId="0">
      <selection activeCell="O54" sqref="O54"/>
    </sheetView>
  </sheetViews>
  <sheetFormatPr defaultColWidth="2.5" defaultRowHeight="13.9" customHeight="1"/>
  <cols>
    <col min="1" max="6" width="2.5" style="2" customWidth="1"/>
    <col min="7" max="7" width="2.875" style="2" customWidth="1"/>
    <col min="8" max="11" width="2.5" style="2" customWidth="1"/>
    <col min="12" max="12" width="4.75" style="2" customWidth="1"/>
    <col min="13" max="13" width="1.875" style="2" customWidth="1"/>
    <col min="14" max="14" width="2.25" style="2" customWidth="1"/>
    <col min="15" max="30" width="2.5" style="2" customWidth="1"/>
    <col min="31" max="31" width="3.125" style="2" customWidth="1"/>
    <col min="32" max="32" width="2" style="2" customWidth="1"/>
    <col min="33" max="33" width="2.25" style="2" customWidth="1"/>
    <col min="34" max="34" width="2.375" style="2" customWidth="1"/>
    <col min="35" max="35" width="2" style="2" customWidth="1"/>
    <col min="36" max="36" width="2" style="10" customWidth="1"/>
    <col min="37" max="37" width="2.5" style="2" customWidth="1"/>
    <col min="38" max="39" width="0" style="2" hidden="1" customWidth="1"/>
    <col min="40" max="41" width="0" style="1" hidden="1" customWidth="1"/>
    <col min="42" max="42" width="5" style="1" hidden="1" customWidth="1"/>
    <col min="43" max="43" width="4.75" style="1" hidden="1" customWidth="1"/>
    <col min="44" max="54" width="0" style="1" hidden="1" customWidth="1"/>
    <col min="55" max="56" width="2.5" style="1" hidden="1" customWidth="1"/>
    <col min="57" max="16384" width="2.5" style="2"/>
  </cols>
  <sheetData>
    <row r="1" spans="1:56" ht="13.9" customHeight="1">
      <c r="A1" s="4"/>
      <c r="B1" s="4"/>
      <c r="C1" s="4"/>
      <c r="D1" s="4"/>
      <c r="E1" s="4"/>
      <c r="F1" s="4"/>
      <c r="G1" s="4"/>
      <c r="H1" s="4"/>
      <c r="I1" s="4"/>
      <c r="J1" s="4"/>
      <c r="K1" s="4"/>
      <c r="L1" s="4"/>
      <c r="M1" s="4"/>
      <c r="N1" s="4"/>
      <c r="O1" s="4"/>
      <c r="P1" s="4"/>
      <c r="Q1" s="4"/>
      <c r="R1" s="4"/>
      <c r="S1" s="4"/>
      <c r="T1" s="4"/>
      <c r="U1" s="4"/>
      <c r="V1" s="4"/>
      <c r="W1" s="4"/>
      <c r="X1" s="4"/>
      <c r="Y1" s="4"/>
      <c r="Z1" s="4"/>
      <c r="AA1" s="4"/>
      <c r="AB1" s="4"/>
      <c r="AC1" s="4"/>
      <c r="AD1" s="4"/>
      <c r="AE1" s="4"/>
      <c r="AF1" s="4"/>
      <c r="AG1" s="4"/>
      <c r="AH1" s="4"/>
      <c r="AI1" s="4"/>
      <c r="AJ1" s="4"/>
      <c r="AK1" s="3" t="s">
        <v>0</v>
      </c>
    </row>
    <row r="2" spans="1:56" ht="19.899999999999999" customHeight="1">
      <c r="A2" s="59" t="s">
        <v>1</v>
      </c>
      <c r="B2" s="59"/>
      <c r="C2" s="59"/>
      <c r="D2" s="59"/>
      <c r="E2" s="59"/>
      <c r="F2" s="59"/>
      <c r="G2" s="59"/>
      <c r="H2" s="59"/>
      <c r="I2" s="59"/>
      <c r="J2" s="59"/>
      <c r="K2" s="59"/>
      <c r="L2" s="59"/>
      <c r="M2" s="59"/>
      <c r="N2" s="59"/>
      <c r="O2" s="59"/>
      <c r="P2" s="59"/>
      <c r="Q2" s="59"/>
      <c r="R2" s="59"/>
      <c r="S2" s="59"/>
      <c r="T2" s="59"/>
      <c r="U2" s="59"/>
      <c r="V2" s="59"/>
      <c r="W2" s="59"/>
      <c r="X2" s="59"/>
      <c r="Y2" s="59"/>
      <c r="Z2" s="59"/>
      <c r="AA2" s="59"/>
      <c r="AB2" s="59"/>
      <c r="AC2" s="59"/>
      <c r="AD2" s="59"/>
      <c r="AE2" s="59"/>
      <c r="AF2" s="59"/>
      <c r="AG2" s="59"/>
      <c r="AH2" s="59"/>
      <c r="AI2" s="59"/>
      <c r="AJ2" s="59"/>
      <c r="AK2" s="59"/>
    </row>
    <row r="3" spans="1:56" ht="13.9" customHeight="1">
      <c r="A3" s="7"/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  <c r="Q3" s="7"/>
      <c r="R3" s="7"/>
      <c r="S3" s="7"/>
      <c r="T3" s="7"/>
      <c r="U3" s="7"/>
      <c r="V3" s="7"/>
      <c r="W3" s="7"/>
      <c r="X3" s="7"/>
      <c r="Y3" s="7"/>
      <c r="Z3" s="7"/>
      <c r="AA3" s="7"/>
      <c r="AB3" s="7"/>
      <c r="AC3" s="7"/>
      <c r="AD3" s="7"/>
      <c r="AE3" s="7"/>
      <c r="AF3" s="7"/>
      <c r="AG3" s="7"/>
      <c r="AH3" s="7"/>
      <c r="AI3" s="7"/>
      <c r="AJ3" s="7"/>
      <c r="AK3" s="7"/>
    </row>
    <row r="4" spans="1:56" ht="13.9" customHeight="1">
      <c r="A4" s="7"/>
      <c r="B4" s="24" t="s">
        <v>377</v>
      </c>
      <c r="C4" s="24"/>
      <c r="D4" s="24"/>
      <c r="E4" s="24"/>
      <c r="F4" s="24"/>
      <c r="G4" s="24"/>
      <c r="H4" s="24"/>
      <c r="I4" s="24"/>
      <c r="J4" s="24"/>
      <c r="K4" s="24"/>
      <c r="L4" s="24"/>
      <c r="M4" s="24"/>
      <c r="N4" s="8"/>
      <c r="O4" s="8" t="s">
        <v>13</v>
      </c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8"/>
      <c r="AE4" s="8"/>
      <c r="AF4" s="8"/>
      <c r="AG4" s="8"/>
      <c r="AH4" s="8"/>
      <c r="AI4" s="8"/>
      <c r="AJ4" s="11"/>
      <c r="AK4" s="8"/>
    </row>
    <row r="5" spans="1:56" ht="13.9" customHeight="1">
      <c r="A5" s="7"/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7"/>
      <c r="U5" s="7"/>
      <c r="V5" s="7"/>
      <c r="W5" s="7"/>
      <c r="X5" s="7"/>
      <c r="Y5" s="7"/>
      <c r="Z5" s="7"/>
      <c r="AA5" s="7"/>
      <c r="AB5" s="7"/>
      <c r="AC5" s="7"/>
      <c r="AD5" s="7"/>
      <c r="AE5" s="7"/>
      <c r="AF5" s="7"/>
      <c r="AG5" s="7"/>
      <c r="AH5" s="7"/>
      <c r="AI5" s="7"/>
      <c r="AJ5" s="7"/>
      <c r="AK5" s="7"/>
    </row>
    <row r="6" spans="1:56" ht="13.9" customHeight="1">
      <c r="A6" s="60" t="s">
        <v>15</v>
      </c>
      <c r="B6" s="60"/>
      <c r="C6" s="60"/>
      <c r="D6" s="60"/>
      <c r="E6" s="60"/>
      <c r="F6" s="60"/>
      <c r="G6" s="60"/>
      <c r="H6" s="60"/>
      <c r="I6" s="60"/>
      <c r="J6" s="60"/>
      <c r="K6" s="60"/>
      <c r="L6" s="60"/>
      <c r="M6" s="60"/>
      <c r="N6" s="60"/>
      <c r="O6" s="60"/>
      <c r="P6" s="60"/>
      <c r="Q6" s="60"/>
      <c r="R6" s="60"/>
      <c r="S6" s="60"/>
      <c r="T6" s="60"/>
      <c r="U6" s="60"/>
      <c r="V6" s="60"/>
      <c r="W6" s="60"/>
      <c r="X6" s="60"/>
      <c r="Y6" s="60"/>
      <c r="Z6" s="60"/>
      <c r="AA6" s="60"/>
      <c r="AB6" s="60"/>
      <c r="AC6" s="60"/>
      <c r="AD6" s="60"/>
      <c r="AE6" s="60"/>
      <c r="AF6" s="60"/>
      <c r="AG6" s="60"/>
      <c r="AH6" s="60"/>
      <c r="AI6" s="60"/>
      <c r="AJ6" s="60"/>
      <c r="AK6" s="60"/>
    </row>
    <row r="7" spans="1:56" ht="13.9" customHeight="1">
      <c r="A7" s="60"/>
      <c r="B7" s="60"/>
      <c r="C7" s="60"/>
      <c r="D7" s="60"/>
      <c r="E7" s="60"/>
      <c r="F7" s="60"/>
      <c r="G7" s="60"/>
      <c r="H7" s="60"/>
      <c r="I7" s="60"/>
      <c r="J7" s="60"/>
      <c r="K7" s="60"/>
      <c r="L7" s="60"/>
      <c r="M7" s="60"/>
      <c r="N7" s="60"/>
      <c r="O7" s="60"/>
      <c r="P7" s="60"/>
      <c r="Q7" s="60"/>
      <c r="R7" s="60"/>
      <c r="S7" s="60"/>
      <c r="T7" s="60"/>
      <c r="U7" s="60"/>
      <c r="V7" s="60"/>
      <c r="W7" s="60"/>
      <c r="X7" s="60"/>
      <c r="Y7" s="60"/>
      <c r="Z7" s="60"/>
      <c r="AA7" s="60"/>
      <c r="AB7" s="60"/>
      <c r="AC7" s="60"/>
      <c r="AD7" s="60"/>
      <c r="AE7" s="60"/>
      <c r="AF7" s="60"/>
      <c r="AG7" s="60"/>
      <c r="AH7" s="60"/>
      <c r="AI7" s="60"/>
      <c r="AJ7" s="60"/>
      <c r="AK7" s="60"/>
    </row>
    <row r="8" spans="1:56" ht="5.25" customHeight="1">
      <c r="A8" s="7"/>
      <c r="B8" s="7"/>
      <c r="C8" s="7"/>
      <c r="D8" s="7"/>
      <c r="E8" s="7"/>
      <c r="F8" s="7"/>
      <c r="G8" s="7"/>
      <c r="H8" s="7"/>
      <c r="I8" s="7"/>
      <c r="J8" s="7"/>
      <c r="K8" s="7"/>
      <c r="L8" s="7"/>
      <c r="M8" s="7"/>
      <c r="N8" s="7"/>
      <c r="O8" s="7"/>
      <c r="P8" s="7"/>
      <c r="Q8" s="7"/>
      <c r="R8" s="7"/>
      <c r="S8" s="7"/>
      <c r="T8" s="7"/>
      <c r="U8" s="7"/>
      <c r="V8" s="7"/>
      <c r="W8" s="7"/>
      <c r="X8" s="7"/>
      <c r="Y8" s="7"/>
      <c r="Z8" s="7"/>
      <c r="AA8" s="7"/>
      <c r="AB8" s="7"/>
      <c r="AC8" s="7"/>
      <c r="AD8" s="7"/>
      <c r="AE8" s="9"/>
      <c r="AF8" s="9"/>
      <c r="AG8" s="7"/>
      <c r="AH8" s="9"/>
      <c r="AI8" s="9"/>
      <c r="AJ8" s="12"/>
      <c r="AK8" s="7"/>
    </row>
    <row r="9" spans="1:56" ht="13.9" customHeight="1" thickBot="1">
      <c r="A9" s="7"/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  <c r="Q9" s="7"/>
      <c r="R9" s="7"/>
      <c r="S9" s="7"/>
      <c r="T9" s="7"/>
      <c r="U9" s="7"/>
      <c r="V9" s="7"/>
      <c r="W9" s="7"/>
      <c r="X9" s="7"/>
      <c r="Z9" s="8" t="s">
        <v>5</v>
      </c>
      <c r="AA9" s="8"/>
      <c r="AB9" s="62"/>
      <c r="AC9" s="62"/>
      <c r="AD9" s="43" t="s">
        <v>4</v>
      </c>
      <c r="AE9" s="62"/>
      <c r="AF9" s="62"/>
      <c r="AG9" s="44" t="s">
        <v>3</v>
      </c>
      <c r="AH9" s="62"/>
      <c r="AI9" s="62"/>
      <c r="AJ9" s="33"/>
      <c r="AK9" s="31" t="s">
        <v>2</v>
      </c>
    </row>
    <row r="10" spans="1:56" s="26" customFormat="1" ht="27.75" customHeight="1">
      <c r="A10" s="98" t="s">
        <v>7</v>
      </c>
      <c r="B10" s="99"/>
      <c r="C10" s="99"/>
      <c r="D10" s="99"/>
      <c r="E10" s="99"/>
      <c r="F10" s="100"/>
      <c r="G10" s="101"/>
      <c r="H10" s="101"/>
      <c r="I10" s="101"/>
      <c r="J10" s="101"/>
      <c r="K10" s="101"/>
      <c r="L10" s="101"/>
      <c r="M10" s="101"/>
      <c r="N10" s="101"/>
      <c r="O10" s="101"/>
      <c r="P10" s="101"/>
      <c r="Q10" s="101"/>
      <c r="R10" s="101"/>
      <c r="S10" s="98" t="s">
        <v>34</v>
      </c>
      <c r="T10" s="99"/>
      <c r="U10" s="99"/>
      <c r="V10" s="99"/>
      <c r="W10" s="99"/>
      <c r="X10" s="100"/>
      <c r="Y10" s="102"/>
      <c r="Z10" s="96"/>
      <c r="AA10" s="96"/>
      <c r="AB10" s="96"/>
      <c r="AC10" s="96"/>
      <c r="AD10" s="96"/>
      <c r="AE10" s="96"/>
      <c r="AF10" s="96"/>
      <c r="AG10" s="96"/>
      <c r="AH10" s="96"/>
      <c r="AI10" s="96"/>
      <c r="AJ10" s="96"/>
      <c r="AK10" s="103"/>
      <c r="AN10" s="27"/>
      <c r="AO10" s="27"/>
      <c r="AP10" s="27"/>
      <c r="AQ10" s="27"/>
      <c r="AR10" s="27"/>
      <c r="AS10" s="27"/>
      <c r="AT10" s="27"/>
      <c r="AU10" s="27"/>
      <c r="AV10" s="27"/>
      <c r="AW10" s="27"/>
      <c r="AX10" s="27"/>
      <c r="AY10" s="27"/>
      <c r="AZ10" s="27"/>
      <c r="BA10" s="27"/>
      <c r="BB10" s="27"/>
      <c r="BC10" s="27"/>
      <c r="BD10" s="27"/>
    </row>
    <row r="11" spans="1:56" s="26" customFormat="1" ht="30" customHeight="1" thickBot="1">
      <c r="A11" s="104" t="s">
        <v>6</v>
      </c>
      <c r="B11" s="105"/>
      <c r="C11" s="105"/>
      <c r="D11" s="105"/>
      <c r="E11" s="105"/>
      <c r="F11" s="106"/>
      <c r="G11" s="107"/>
      <c r="H11" s="107"/>
      <c r="I11" s="107"/>
      <c r="J11" s="107"/>
      <c r="K11" s="107"/>
      <c r="L11" s="107"/>
      <c r="M11" s="107"/>
      <c r="N11" s="107"/>
      <c r="O11" s="107"/>
      <c r="P11" s="107"/>
      <c r="Q11" s="107"/>
      <c r="R11" s="107"/>
      <c r="S11" s="104" t="s">
        <v>8</v>
      </c>
      <c r="T11" s="105"/>
      <c r="U11" s="105"/>
      <c r="V11" s="105"/>
      <c r="W11" s="105"/>
      <c r="X11" s="106"/>
      <c r="Y11" s="117"/>
      <c r="Z11" s="107"/>
      <c r="AA11" s="107"/>
      <c r="AB11" s="107"/>
      <c r="AC11" s="107"/>
      <c r="AD11" s="107"/>
      <c r="AE11" s="107"/>
      <c r="AF11" s="107"/>
      <c r="AG11" s="107"/>
      <c r="AH11" s="107"/>
      <c r="AI11" s="107"/>
      <c r="AJ11" s="107"/>
      <c r="AK11" s="118"/>
      <c r="AN11" s="27"/>
      <c r="AO11" s="27"/>
      <c r="AP11" s="27"/>
      <c r="AQ11" s="27"/>
      <c r="AR11" s="27"/>
      <c r="AS11" s="27"/>
      <c r="AT11" s="27"/>
      <c r="AU11" s="27"/>
      <c r="AV11" s="27"/>
      <c r="AW11" s="27"/>
      <c r="AX11" s="27"/>
      <c r="AY11" s="27"/>
      <c r="AZ11" s="27"/>
      <c r="BA11" s="27"/>
      <c r="BB11" s="27"/>
      <c r="BC11" s="27"/>
      <c r="BD11" s="27"/>
    </row>
    <row r="12" spans="1:56" s="26" customFormat="1" ht="13.9" customHeight="1">
      <c r="A12" s="31"/>
      <c r="B12" s="31"/>
      <c r="C12" s="31"/>
      <c r="D12" s="31"/>
      <c r="E12" s="31"/>
      <c r="F12" s="31"/>
      <c r="G12" s="31"/>
      <c r="H12" s="31"/>
      <c r="I12" s="31"/>
      <c r="J12" s="31"/>
      <c r="K12" s="31"/>
      <c r="L12" s="31"/>
      <c r="M12" s="31"/>
      <c r="N12" s="31"/>
      <c r="O12" s="31"/>
      <c r="P12" s="31"/>
      <c r="Q12" s="31"/>
      <c r="R12" s="31"/>
      <c r="S12" s="31"/>
      <c r="T12" s="31"/>
      <c r="U12" s="31"/>
      <c r="V12" s="31"/>
      <c r="W12" s="31"/>
      <c r="X12" s="31"/>
      <c r="Y12" s="31"/>
      <c r="Z12" s="31"/>
      <c r="AA12" s="31"/>
      <c r="AB12" s="31"/>
      <c r="AC12" s="31"/>
      <c r="AD12" s="31"/>
      <c r="AE12" s="31"/>
      <c r="AF12" s="31"/>
      <c r="AG12" s="31"/>
      <c r="AH12" s="31"/>
      <c r="AI12" s="31"/>
      <c r="AJ12" s="31"/>
      <c r="AK12" s="31"/>
      <c r="AN12" s="27"/>
      <c r="AO12" s="27"/>
      <c r="AP12" s="27"/>
      <c r="AQ12" s="27"/>
      <c r="AR12" s="27"/>
      <c r="AS12" s="27"/>
      <c r="AT12" s="27"/>
      <c r="AU12" s="27"/>
      <c r="AV12" s="27"/>
      <c r="AW12" s="27"/>
      <c r="AX12" s="27"/>
      <c r="AY12" s="27"/>
      <c r="AZ12" s="27"/>
      <c r="BA12" s="27"/>
      <c r="BB12" s="27"/>
      <c r="BC12" s="27"/>
      <c r="BD12" s="27"/>
    </row>
    <row r="13" spans="1:56" s="26" customFormat="1" ht="13.9" customHeight="1">
      <c r="A13" s="31" t="s">
        <v>379</v>
      </c>
      <c r="B13" s="31"/>
      <c r="C13" s="31"/>
      <c r="D13" s="31"/>
      <c r="E13" s="31"/>
      <c r="F13" s="31"/>
      <c r="G13" s="31"/>
      <c r="H13" s="31"/>
      <c r="I13" s="31"/>
      <c r="J13" s="31"/>
      <c r="K13" s="31"/>
      <c r="L13" s="31"/>
      <c r="M13" s="31"/>
      <c r="N13" s="31"/>
      <c r="O13" s="31"/>
      <c r="P13" s="31"/>
      <c r="Q13" s="31"/>
      <c r="R13" s="31"/>
      <c r="S13" s="31"/>
      <c r="T13" s="31"/>
      <c r="U13" s="31"/>
      <c r="V13" s="31"/>
      <c r="W13" s="31"/>
      <c r="X13" s="31"/>
      <c r="Y13" s="31"/>
      <c r="Z13" s="31"/>
      <c r="AA13" s="31"/>
      <c r="AB13" s="31"/>
      <c r="AC13" s="31"/>
      <c r="AD13" s="31"/>
      <c r="AE13" s="31"/>
      <c r="AF13" s="31"/>
      <c r="AG13" s="31"/>
      <c r="AH13" s="31"/>
      <c r="AI13" s="31"/>
      <c r="AJ13" s="31"/>
      <c r="AK13" s="31"/>
      <c r="AN13" s="27"/>
      <c r="AO13" s="27"/>
      <c r="AP13" s="27"/>
      <c r="AQ13" s="27"/>
      <c r="AR13" s="27"/>
      <c r="AS13" s="27"/>
      <c r="AT13" s="27"/>
      <c r="AU13" s="27"/>
      <c r="AV13" s="27"/>
      <c r="AW13" s="27"/>
      <c r="AX13" s="27"/>
      <c r="AY13" s="27"/>
      <c r="AZ13" s="27"/>
      <c r="BA13" s="27"/>
      <c r="BB13" s="27"/>
      <c r="BC13" s="27"/>
      <c r="BD13" s="27"/>
    </row>
    <row r="14" spans="1:56" s="26" customFormat="1" ht="13.9" customHeight="1">
      <c r="A14" s="31"/>
      <c r="B14" s="31"/>
      <c r="C14" s="31"/>
      <c r="D14" s="31"/>
      <c r="E14" s="31"/>
      <c r="F14" s="31"/>
      <c r="G14" s="31"/>
      <c r="H14" s="31"/>
      <c r="I14" s="31"/>
      <c r="J14" s="31"/>
      <c r="K14" s="31"/>
      <c r="L14" s="31"/>
      <c r="M14" s="31"/>
      <c r="N14" s="31"/>
      <c r="O14" s="31"/>
      <c r="P14" s="31"/>
      <c r="Q14" s="31"/>
      <c r="R14" s="31"/>
      <c r="S14" s="31"/>
      <c r="T14" s="31"/>
      <c r="U14" s="31"/>
      <c r="V14" s="31"/>
      <c r="W14" s="46" t="s">
        <v>382</v>
      </c>
      <c r="X14" s="31"/>
      <c r="Y14" s="31"/>
      <c r="Z14" s="31"/>
      <c r="AA14" s="31"/>
      <c r="AB14" s="31"/>
      <c r="AC14" s="31"/>
      <c r="AD14" s="31"/>
      <c r="AE14" s="31"/>
      <c r="AF14" s="31"/>
      <c r="AG14" s="31"/>
      <c r="AH14" s="31"/>
      <c r="AI14" s="31"/>
      <c r="AJ14" s="31"/>
      <c r="AK14" s="31"/>
      <c r="AN14" s="27"/>
      <c r="AO14" s="27"/>
      <c r="AP14" s="27"/>
      <c r="AQ14" s="27"/>
      <c r="AR14" s="27"/>
      <c r="AS14" s="27"/>
      <c r="AT14" s="27"/>
      <c r="AU14" s="27"/>
      <c r="AV14" s="27"/>
      <c r="AW14" s="27"/>
      <c r="AX14" s="27"/>
      <c r="AY14" s="27"/>
      <c r="AZ14" s="27"/>
      <c r="BA14" s="27"/>
      <c r="BB14" s="27"/>
      <c r="BC14" s="27"/>
      <c r="BD14" s="27"/>
    </row>
    <row r="15" spans="1:56" s="26" customFormat="1" ht="13.9" customHeight="1">
      <c r="A15" s="25" t="s">
        <v>30</v>
      </c>
      <c r="B15" s="25"/>
      <c r="C15" s="25"/>
      <c r="D15" s="25"/>
      <c r="E15" s="25"/>
      <c r="F15" s="25"/>
      <c r="G15" s="25"/>
      <c r="H15" s="25"/>
      <c r="I15" s="25"/>
      <c r="J15" s="25"/>
      <c r="K15" s="25"/>
      <c r="L15" s="25"/>
      <c r="M15" s="25"/>
      <c r="N15" s="25"/>
      <c r="O15" s="25"/>
      <c r="P15" s="25"/>
      <c r="Q15" s="25"/>
      <c r="R15" s="25"/>
      <c r="S15" s="25"/>
      <c r="T15" s="25"/>
      <c r="U15" s="25"/>
      <c r="V15" s="25"/>
      <c r="W15" s="25"/>
      <c r="X15" s="25"/>
      <c r="Y15" s="25"/>
      <c r="Z15" s="25"/>
      <c r="AA15" s="25"/>
      <c r="AB15" s="25"/>
      <c r="AC15" s="25"/>
      <c r="AD15" s="25"/>
      <c r="AE15" s="25"/>
      <c r="AF15" s="25"/>
      <c r="AG15" s="25"/>
      <c r="AH15" s="25"/>
      <c r="AI15" s="25"/>
      <c r="AJ15" s="25"/>
      <c r="AK15" s="25"/>
      <c r="AN15" s="27"/>
      <c r="AO15" s="27"/>
      <c r="AP15" s="27"/>
      <c r="AQ15" s="27"/>
      <c r="AR15" s="27"/>
      <c r="AS15" s="27"/>
      <c r="AT15" s="27"/>
      <c r="AU15" s="27"/>
      <c r="AV15" s="27"/>
      <c r="AW15" s="27"/>
      <c r="AX15" s="27"/>
      <c r="AY15" s="27"/>
      <c r="AZ15" s="27"/>
      <c r="BA15" s="27"/>
      <c r="BB15" s="27"/>
      <c r="BC15" s="27"/>
      <c r="BD15" s="27"/>
    </row>
    <row r="16" spans="1:56" s="26" customFormat="1" ht="12" customHeight="1">
      <c r="A16" s="51" t="s">
        <v>31</v>
      </c>
      <c r="B16" s="51"/>
      <c r="C16" s="51"/>
      <c r="D16" s="51"/>
      <c r="E16" s="51"/>
      <c r="F16" s="51"/>
      <c r="G16" s="51"/>
      <c r="H16" s="51"/>
      <c r="I16" s="51"/>
      <c r="J16" s="51"/>
      <c r="K16" s="51"/>
      <c r="L16" s="51"/>
      <c r="M16" s="51"/>
      <c r="N16" s="51"/>
      <c r="O16" s="51"/>
      <c r="P16" s="51"/>
      <c r="Q16" s="51"/>
      <c r="R16" s="51"/>
      <c r="S16" s="51"/>
      <c r="T16" s="51"/>
      <c r="U16" s="52"/>
      <c r="V16" s="53" t="s">
        <v>380</v>
      </c>
      <c r="W16" s="54"/>
      <c r="X16" s="54"/>
      <c r="Y16" s="55"/>
      <c r="AB16" s="25"/>
      <c r="AC16" s="25"/>
      <c r="AD16" s="25"/>
      <c r="AE16" s="25"/>
      <c r="AF16" s="25"/>
      <c r="AG16" s="25"/>
      <c r="AH16" s="25"/>
      <c r="AI16" s="25"/>
      <c r="AJ16" s="25"/>
      <c r="AK16" s="25"/>
      <c r="AN16" s="27"/>
      <c r="AO16" s="27"/>
      <c r="AP16" s="27"/>
      <c r="AQ16" s="27"/>
      <c r="AR16" s="27"/>
      <c r="AS16" s="27"/>
      <c r="AT16" s="27"/>
      <c r="AU16" s="27"/>
      <c r="AV16" s="27"/>
      <c r="AW16" s="27"/>
      <c r="AX16" s="27"/>
      <c r="AY16" s="27"/>
      <c r="AZ16" s="27"/>
      <c r="BA16" s="27"/>
      <c r="BB16" s="27"/>
      <c r="BC16" s="27"/>
      <c r="BD16" s="27"/>
    </row>
    <row r="17" spans="1:56" s="26" customFormat="1" ht="12" customHeight="1">
      <c r="A17" s="51"/>
      <c r="B17" s="51"/>
      <c r="C17" s="51"/>
      <c r="D17" s="51"/>
      <c r="E17" s="51"/>
      <c r="F17" s="51"/>
      <c r="G17" s="51"/>
      <c r="H17" s="51"/>
      <c r="I17" s="51"/>
      <c r="J17" s="51"/>
      <c r="K17" s="51"/>
      <c r="L17" s="51"/>
      <c r="M17" s="51"/>
      <c r="N17" s="51"/>
      <c r="O17" s="51"/>
      <c r="P17" s="51"/>
      <c r="Q17" s="51"/>
      <c r="R17" s="51"/>
      <c r="S17" s="51"/>
      <c r="T17" s="51"/>
      <c r="U17" s="52"/>
      <c r="V17" s="56"/>
      <c r="W17" s="57"/>
      <c r="X17" s="57"/>
      <c r="Y17" s="58"/>
      <c r="Z17" s="25"/>
      <c r="AA17" s="25"/>
      <c r="AB17" s="25"/>
      <c r="AC17" s="25"/>
      <c r="AD17" s="25"/>
      <c r="AE17" s="25"/>
      <c r="AF17" s="25"/>
      <c r="AG17" s="25"/>
      <c r="AH17" s="25"/>
      <c r="AI17" s="25"/>
      <c r="AJ17" s="25"/>
      <c r="AK17" s="25"/>
      <c r="AN17" s="27"/>
      <c r="AO17" s="27"/>
      <c r="AP17" s="27"/>
      <c r="AQ17" s="27"/>
      <c r="AR17" s="27"/>
      <c r="AS17" s="27"/>
      <c r="AT17" s="27"/>
      <c r="AU17" s="27"/>
      <c r="AV17" s="27"/>
      <c r="AW17" s="27"/>
      <c r="AX17" s="27"/>
      <c r="AY17" s="27"/>
      <c r="AZ17" s="27"/>
      <c r="BA17" s="27"/>
      <c r="BB17" s="27"/>
      <c r="BC17" s="27"/>
      <c r="BD17" s="27"/>
    </row>
    <row r="18" spans="1:56" s="26" customFormat="1" ht="12" customHeight="1">
      <c r="A18" s="32"/>
      <c r="B18" s="32"/>
      <c r="C18" s="32"/>
      <c r="D18" s="32"/>
      <c r="E18" s="32"/>
      <c r="F18" s="32"/>
      <c r="G18" s="32"/>
      <c r="H18" s="32"/>
      <c r="I18" s="32"/>
      <c r="J18" s="32"/>
      <c r="K18" s="32"/>
      <c r="L18" s="32"/>
      <c r="M18" s="32"/>
      <c r="N18" s="32"/>
      <c r="O18" s="32"/>
      <c r="P18" s="32"/>
      <c r="Q18" s="32"/>
      <c r="R18" s="32"/>
      <c r="S18" s="32"/>
      <c r="T18" s="25"/>
      <c r="U18" s="33"/>
      <c r="V18" s="34" t="s">
        <v>381</v>
      </c>
      <c r="W18" s="33"/>
      <c r="X18" s="33"/>
      <c r="Z18" s="25"/>
      <c r="AA18" s="25"/>
      <c r="AB18" s="25"/>
      <c r="AC18" s="25"/>
      <c r="AD18" s="25"/>
      <c r="AE18" s="25"/>
      <c r="AF18" s="25"/>
      <c r="AG18" s="25"/>
      <c r="AH18" s="25"/>
      <c r="AI18" s="25"/>
      <c r="AJ18" s="25"/>
      <c r="AK18" s="25"/>
      <c r="AN18" s="27"/>
      <c r="AO18" s="27"/>
      <c r="AP18" s="27"/>
      <c r="AQ18" s="27"/>
      <c r="AR18" s="27"/>
      <c r="AS18" s="27"/>
      <c r="AT18" s="27"/>
      <c r="AU18" s="27"/>
      <c r="AV18" s="27"/>
      <c r="AW18" s="27"/>
      <c r="AX18" s="27"/>
      <c r="AY18" s="27"/>
      <c r="AZ18" s="27"/>
      <c r="BA18" s="27"/>
      <c r="BB18" s="27"/>
      <c r="BC18" s="27"/>
      <c r="BD18" s="27"/>
    </row>
    <row r="19" spans="1:56" s="26" customFormat="1" ht="13.9" customHeight="1">
      <c r="A19" s="25"/>
      <c r="B19" s="25"/>
      <c r="C19" s="25"/>
      <c r="D19" s="25"/>
      <c r="E19" s="25"/>
      <c r="F19" s="25"/>
      <c r="G19" s="25"/>
      <c r="H19" s="25"/>
      <c r="I19" s="25"/>
      <c r="J19" s="25"/>
      <c r="K19" s="25"/>
      <c r="L19" s="25"/>
      <c r="M19" s="25"/>
      <c r="N19" s="25"/>
      <c r="O19" s="25"/>
      <c r="P19" s="25"/>
      <c r="Q19" s="25"/>
      <c r="R19" s="25"/>
      <c r="S19" s="25"/>
      <c r="T19" s="25"/>
      <c r="U19" s="25"/>
      <c r="V19" s="25"/>
      <c r="W19" s="25"/>
      <c r="X19" s="25"/>
      <c r="Y19" s="25"/>
      <c r="Z19" s="25"/>
      <c r="AA19" s="25"/>
      <c r="AB19" s="25"/>
      <c r="AC19" s="25"/>
      <c r="AD19" s="25"/>
      <c r="AE19" s="25"/>
      <c r="AF19" s="25"/>
      <c r="AG19" s="25"/>
      <c r="AH19" s="25"/>
      <c r="AI19" s="25"/>
      <c r="AJ19" s="25"/>
      <c r="AK19" s="25"/>
      <c r="AN19" s="27"/>
      <c r="AO19" s="27"/>
      <c r="AP19" s="27"/>
      <c r="AQ19" s="27"/>
      <c r="AR19" s="27"/>
      <c r="AS19" s="27"/>
      <c r="AT19" s="27"/>
      <c r="AU19" s="27"/>
      <c r="AV19" s="27"/>
      <c r="AW19" s="27"/>
      <c r="AX19" s="27"/>
      <c r="AY19" s="27"/>
      <c r="AZ19" s="27"/>
      <c r="BA19" s="27"/>
      <c r="BB19" s="27"/>
      <c r="BC19" s="27"/>
      <c r="BD19" s="27"/>
    </row>
    <row r="20" spans="1:56" s="26" customFormat="1" ht="13.9" customHeight="1" thickBot="1">
      <c r="A20" s="25" t="s">
        <v>16</v>
      </c>
      <c r="B20" s="25"/>
      <c r="C20" s="25"/>
      <c r="D20" s="25"/>
      <c r="E20" s="25"/>
      <c r="F20" s="25"/>
      <c r="G20" s="25"/>
      <c r="H20" s="25"/>
      <c r="I20" s="25"/>
      <c r="J20" s="25"/>
      <c r="K20" s="25"/>
      <c r="L20" s="25"/>
      <c r="M20" s="25"/>
      <c r="N20" s="25"/>
      <c r="O20" s="25"/>
      <c r="P20" s="25"/>
      <c r="Q20" s="25"/>
      <c r="R20" s="25"/>
      <c r="S20" s="25"/>
      <c r="T20" s="25"/>
      <c r="U20" s="25"/>
      <c r="V20" s="25"/>
      <c r="W20" s="25"/>
      <c r="X20" s="25"/>
      <c r="Y20" s="25"/>
      <c r="Z20" s="25"/>
      <c r="AA20" s="25"/>
      <c r="AB20" s="25"/>
      <c r="AC20" s="25"/>
      <c r="AD20" s="25"/>
      <c r="AE20" s="25"/>
      <c r="AF20" s="25"/>
      <c r="AG20" s="25"/>
      <c r="AH20" s="25"/>
      <c r="AI20" s="25"/>
      <c r="AJ20" s="25"/>
      <c r="AK20" s="25"/>
      <c r="AN20" s="27"/>
      <c r="AO20" s="27"/>
      <c r="AP20" s="27"/>
      <c r="AQ20" s="27"/>
      <c r="AR20" s="27"/>
      <c r="AS20" s="27"/>
      <c r="AT20" s="27"/>
      <c r="AU20" s="27"/>
      <c r="AV20" s="27"/>
      <c r="AW20" s="27"/>
      <c r="AX20" s="27"/>
      <c r="AY20" s="27"/>
      <c r="AZ20" s="27"/>
      <c r="BA20" s="27"/>
      <c r="BB20" s="27"/>
      <c r="BC20" s="27"/>
      <c r="BD20" s="27"/>
    </row>
    <row r="21" spans="1:56" s="26" customFormat="1" ht="13.9" customHeight="1">
      <c r="A21" s="108" t="s">
        <v>10</v>
      </c>
      <c r="B21" s="85"/>
      <c r="C21" s="85"/>
      <c r="D21" s="85"/>
      <c r="E21" s="85"/>
      <c r="F21" s="85"/>
      <c r="G21" s="85"/>
      <c r="H21" s="85"/>
      <c r="I21" s="83"/>
      <c r="J21" s="84" t="s">
        <v>11</v>
      </c>
      <c r="K21" s="85"/>
      <c r="L21" s="85"/>
      <c r="M21" s="83"/>
      <c r="N21" s="84" t="s">
        <v>14</v>
      </c>
      <c r="O21" s="85"/>
      <c r="P21" s="85"/>
      <c r="Q21" s="83"/>
      <c r="R21" s="85" t="s">
        <v>18</v>
      </c>
      <c r="S21" s="85"/>
      <c r="T21" s="85"/>
      <c r="U21" s="85"/>
      <c r="V21" s="86" t="s">
        <v>25</v>
      </c>
      <c r="W21" s="85"/>
      <c r="X21" s="85"/>
      <c r="Y21" s="83"/>
      <c r="Z21" s="82" t="s">
        <v>29</v>
      </c>
      <c r="AA21" s="83"/>
      <c r="AB21" s="95" t="s">
        <v>22</v>
      </c>
      <c r="AC21" s="96"/>
      <c r="AD21" s="96"/>
      <c r="AE21" s="96"/>
      <c r="AF21" s="96"/>
      <c r="AG21" s="97"/>
      <c r="AH21" s="111" t="s">
        <v>23</v>
      </c>
      <c r="AI21" s="112"/>
      <c r="AJ21" s="112"/>
      <c r="AK21" s="113"/>
      <c r="AN21" s="27"/>
      <c r="AO21" s="27"/>
      <c r="AP21" s="27"/>
      <c r="AQ21" s="27"/>
      <c r="AR21" s="27"/>
      <c r="AS21" s="27"/>
      <c r="AT21" s="27"/>
      <c r="AU21" s="27"/>
      <c r="AV21" s="27"/>
      <c r="AW21" s="27"/>
      <c r="AX21" s="27"/>
      <c r="AY21" s="27"/>
      <c r="AZ21" s="27"/>
      <c r="BA21" s="27"/>
      <c r="BB21" s="27"/>
      <c r="BC21" s="27"/>
      <c r="BD21" s="27"/>
    </row>
    <row r="22" spans="1:56" s="26" customFormat="1" ht="24.6" customHeight="1" thickBot="1">
      <c r="A22" s="109"/>
      <c r="B22" s="62"/>
      <c r="C22" s="62"/>
      <c r="D22" s="62"/>
      <c r="E22" s="62"/>
      <c r="F22" s="62"/>
      <c r="G22" s="62"/>
      <c r="H22" s="62"/>
      <c r="I22" s="63"/>
      <c r="J22" s="61"/>
      <c r="K22" s="62"/>
      <c r="L22" s="62"/>
      <c r="M22" s="63"/>
      <c r="N22" s="61"/>
      <c r="O22" s="62"/>
      <c r="P22" s="62"/>
      <c r="Q22" s="63"/>
      <c r="R22" s="62"/>
      <c r="S22" s="62"/>
      <c r="T22" s="62"/>
      <c r="U22" s="62"/>
      <c r="V22" s="61"/>
      <c r="W22" s="62"/>
      <c r="X22" s="62"/>
      <c r="Y22" s="63"/>
      <c r="Z22" s="62"/>
      <c r="AA22" s="63"/>
      <c r="AB22" s="87" t="s">
        <v>20</v>
      </c>
      <c r="AC22" s="88"/>
      <c r="AD22" s="93" t="s">
        <v>19</v>
      </c>
      <c r="AE22" s="94"/>
      <c r="AF22" s="87" t="s">
        <v>21</v>
      </c>
      <c r="AG22" s="88"/>
      <c r="AH22" s="114"/>
      <c r="AI22" s="115"/>
      <c r="AJ22" s="115"/>
      <c r="AK22" s="116"/>
      <c r="AL22" s="27"/>
      <c r="AM22" s="27"/>
      <c r="AN22" s="27"/>
      <c r="AO22" s="27"/>
      <c r="AP22" s="27"/>
      <c r="AQ22" s="27"/>
      <c r="AR22" s="27"/>
      <c r="AS22" s="27"/>
      <c r="AT22" s="27"/>
      <c r="AU22" s="27"/>
      <c r="AV22" s="27"/>
      <c r="AW22" s="27"/>
      <c r="AX22" s="27"/>
      <c r="AY22" s="27"/>
      <c r="AZ22" s="27"/>
      <c r="BA22" s="27"/>
      <c r="BB22" s="27"/>
    </row>
    <row r="23" spans="1:56" s="26" customFormat="1" ht="24" customHeight="1">
      <c r="A23" s="49"/>
      <c r="B23" s="50"/>
      <c r="C23" s="45" t="s">
        <v>378</v>
      </c>
      <c r="D23" s="68"/>
      <c r="E23" s="68"/>
      <c r="F23" s="25" t="s">
        <v>17</v>
      </c>
      <c r="G23" s="25"/>
      <c r="H23" s="25"/>
      <c r="I23" s="25" t="s">
        <v>2</v>
      </c>
      <c r="J23" s="89" t="s">
        <v>370</v>
      </c>
      <c r="K23" s="68"/>
      <c r="L23" s="68"/>
      <c r="M23" s="90"/>
      <c r="N23" s="89"/>
      <c r="O23" s="68"/>
      <c r="P23" s="68"/>
      <c r="Q23" s="90"/>
      <c r="R23" s="89"/>
      <c r="S23" s="68"/>
      <c r="T23" s="68"/>
      <c r="U23" s="90"/>
      <c r="V23" s="89"/>
      <c r="W23" s="68"/>
      <c r="X23" s="68"/>
      <c r="Y23" s="90"/>
      <c r="Z23" s="89"/>
      <c r="AA23" s="90"/>
      <c r="AB23" s="89"/>
      <c r="AC23" s="90"/>
      <c r="AD23" s="91"/>
      <c r="AE23" s="92"/>
      <c r="AF23" s="91"/>
      <c r="AG23" s="92"/>
      <c r="AH23" s="89"/>
      <c r="AI23" s="68"/>
      <c r="AJ23" s="68"/>
      <c r="AK23" s="110"/>
      <c r="AL23" s="27"/>
      <c r="AM23" s="27"/>
      <c r="AN23" s="27"/>
      <c r="AO23" s="27"/>
      <c r="AP23" s="27"/>
      <c r="AQ23" s="27"/>
      <c r="AR23" s="27"/>
      <c r="AS23" s="27"/>
      <c r="AT23" s="27"/>
      <c r="AU23" s="27"/>
      <c r="AV23" s="27"/>
      <c r="AW23" s="27"/>
      <c r="AX23" s="27"/>
      <c r="AY23" s="27"/>
      <c r="AZ23" s="27"/>
      <c r="BA23" s="27"/>
      <c r="BB23" s="27"/>
    </row>
    <row r="24" spans="1:56" s="26" customFormat="1" ht="24" customHeight="1">
      <c r="A24" s="35"/>
      <c r="B24" s="36"/>
      <c r="C24" s="37" t="s">
        <v>35</v>
      </c>
      <c r="D24" s="36"/>
      <c r="E24" s="57" t="s">
        <v>9</v>
      </c>
      <c r="F24" s="57"/>
      <c r="G24" s="36"/>
      <c r="H24" s="37" t="s">
        <v>35</v>
      </c>
      <c r="I24" s="36"/>
      <c r="J24" s="56"/>
      <c r="K24" s="57"/>
      <c r="L24" s="57"/>
      <c r="M24" s="58"/>
      <c r="N24" s="56"/>
      <c r="O24" s="57"/>
      <c r="P24" s="57"/>
      <c r="Q24" s="58"/>
      <c r="R24" s="56"/>
      <c r="S24" s="57"/>
      <c r="T24" s="57"/>
      <c r="U24" s="58"/>
      <c r="V24" s="56"/>
      <c r="W24" s="57"/>
      <c r="X24" s="57"/>
      <c r="Y24" s="58"/>
      <c r="Z24" s="56"/>
      <c r="AA24" s="58"/>
      <c r="AB24" s="56"/>
      <c r="AC24" s="58"/>
      <c r="AD24" s="75"/>
      <c r="AE24" s="76"/>
      <c r="AF24" s="75"/>
      <c r="AG24" s="76"/>
      <c r="AH24" s="56"/>
      <c r="AI24" s="57"/>
      <c r="AJ24" s="57"/>
      <c r="AK24" s="81"/>
      <c r="AL24" s="27"/>
      <c r="AM24" s="27"/>
      <c r="AN24" s="27"/>
      <c r="AO24" s="27"/>
      <c r="AP24" s="27"/>
      <c r="AQ24" s="27"/>
      <c r="AR24" s="27"/>
      <c r="AS24" s="27"/>
      <c r="AT24" s="27"/>
      <c r="AU24" s="27"/>
      <c r="AV24" s="27"/>
      <c r="AW24" s="27"/>
      <c r="AX24" s="27"/>
      <c r="AY24" s="27"/>
      <c r="AZ24" s="27"/>
      <c r="BA24" s="27"/>
      <c r="BB24" s="27"/>
    </row>
    <row r="25" spans="1:56" s="26" customFormat="1" ht="24" customHeight="1">
      <c r="A25" s="49"/>
      <c r="B25" s="50"/>
      <c r="C25" s="25" t="s">
        <v>4</v>
      </c>
      <c r="D25" s="68"/>
      <c r="E25" s="68"/>
      <c r="F25" s="25" t="s">
        <v>17</v>
      </c>
      <c r="G25" s="25"/>
      <c r="H25" s="25"/>
      <c r="I25" s="25" t="s">
        <v>2</v>
      </c>
      <c r="J25" s="53"/>
      <c r="K25" s="54"/>
      <c r="L25" s="54"/>
      <c r="M25" s="55"/>
      <c r="N25" s="53"/>
      <c r="O25" s="54"/>
      <c r="P25" s="54"/>
      <c r="Q25" s="55"/>
      <c r="R25" s="53"/>
      <c r="S25" s="54"/>
      <c r="T25" s="54"/>
      <c r="U25" s="55"/>
      <c r="V25" s="53"/>
      <c r="W25" s="54"/>
      <c r="X25" s="54"/>
      <c r="Y25" s="55"/>
      <c r="Z25" s="53"/>
      <c r="AA25" s="55"/>
      <c r="AB25" s="53"/>
      <c r="AC25" s="55"/>
      <c r="AD25" s="75"/>
      <c r="AE25" s="76"/>
      <c r="AF25" s="75"/>
      <c r="AG25" s="76"/>
      <c r="AH25" s="53"/>
      <c r="AI25" s="54"/>
      <c r="AJ25" s="54"/>
      <c r="AK25" s="79"/>
      <c r="AN25" s="27"/>
      <c r="AO25" s="27"/>
      <c r="AP25" s="27"/>
      <c r="AQ25" s="27"/>
      <c r="AR25" s="27"/>
      <c r="AS25" s="27"/>
      <c r="AT25" s="27"/>
      <c r="AU25" s="27"/>
      <c r="AV25" s="27"/>
      <c r="AW25" s="27"/>
      <c r="AX25" s="27"/>
      <c r="AY25" s="27"/>
      <c r="AZ25" s="27"/>
      <c r="BA25" s="27"/>
      <c r="BB25" s="27"/>
      <c r="BC25" s="27"/>
      <c r="BD25" s="27"/>
    </row>
    <row r="26" spans="1:56" s="26" customFormat="1" ht="24" customHeight="1">
      <c r="A26" s="35"/>
      <c r="B26" s="36"/>
      <c r="C26" s="37" t="s">
        <v>35</v>
      </c>
      <c r="D26" s="36"/>
      <c r="E26" s="57" t="s">
        <v>9</v>
      </c>
      <c r="F26" s="57"/>
      <c r="G26" s="36"/>
      <c r="H26" s="37" t="s">
        <v>35</v>
      </c>
      <c r="I26" s="36"/>
      <c r="J26" s="56"/>
      <c r="K26" s="57"/>
      <c r="L26" s="57"/>
      <c r="M26" s="58"/>
      <c r="N26" s="56"/>
      <c r="O26" s="57"/>
      <c r="P26" s="57"/>
      <c r="Q26" s="58"/>
      <c r="R26" s="56"/>
      <c r="S26" s="57"/>
      <c r="T26" s="57"/>
      <c r="U26" s="58"/>
      <c r="V26" s="56"/>
      <c r="W26" s="57"/>
      <c r="X26" s="57"/>
      <c r="Y26" s="58"/>
      <c r="Z26" s="56"/>
      <c r="AA26" s="58"/>
      <c r="AB26" s="56"/>
      <c r="AC26" s="58"/>
      <c r="AD26" s="75"/>
      <c r="AE26" s="76"/>
      <c r="AF26" s="75"/>
      <c r="AG26" s="76"/>
      <c r="AH26" s="56"/>
      <c r="AI26" s="57"/>
      <c r="AJ26" s="57"/>
      <c r="AK26" s="81"/>
      <c r="AN26" s="27"/>
      <c r="AO26" s="27"/>
      <c r="AP26" s="38"/>
      <c r="AQ26" s="27"/>
      <c r="AR26" s="27"/>
      <c r="AS26" s="27"/>
      <c r="AT26" s="27"/>
      <c r="AU26" s="27"/>
      <c r="AV26" s="27"/>
      <c r="AW26" s="27"/>
      <c r="AX26" s="27"/>
      <c r="AY26" s="27"/>
      <c r="AZ26" s="27"/>
      <c r="BA26" s="27"/>
      <c r="BB26" s="27"/>
      <c r="BC26" s="27"/>
      <c r="BD26" s="27"/>
    </row>
    <row r="27" spans="1:56" s="26" customFormat="1" ht="24" customHeight="1">
      <c r="A27" s="49"/>
      <c r="B27" s="50"/>
      <c r="C27" s="25" t="s">
        <v>4</v>
      </c>
      <c r="D27" s="68"/>
      <c r="E27" s="68"/>
      <c r="F27" s="25" t="s">
        <v>17</v>
      </c>
      <c r="G27" s="25"/>
      <c r="H27" s="25"/>
      <c r="I27" s="25" t="s">
        <v>2</v>
      </c>
      <c r="J27" s="53"/>
      <c r="K27" s="54"/>
      <c r="L27" s="54"/>
      <c r="M27" s="55"/>
      <c r="N27" s="53"/>
      <c r="O27" s="54"/>
      <c r="P27" s="54"/>
      <c r="Q27" s="55"/>
      <c r="R27" s="53"/>
      <c r="S27" s="54"/>
      <c r="T27" s="54"/>
      <c r="U27" s="55"/>
      <c r="V27" s="53"/>
      <c r="W27" s="54"/>
      <c r="X27" s="54"/>
      <c r="Y27" s="55"/>
      <c r="Z27" s="53"/>
      <c r="AA27" s="55"/>
      <c r="AB27" s="53"/>
      <c r="AC27" s="55"/>
      <c r="AD27" s="75"/>
      <c r="AE27" s="76"/>
      <c r="AF27" s="75"/>
      <c r="AG27" s="76"/>
      <c r="AH27" s="53"/>
      <c r="AI27" s="54"/>
      <c r="AJ27" s="54"/>
      <c r="AK27" s="79"/>
      <c r="AN27" s="27"/>
      <c r="AO27" s="27"/>
      <c r="AP27" s="27"/>
      <c r="AQ27" s="27"/>
      <c r="AR27" s="27"/>
      <c r="AS27" s="27"/>
      <c r="AT27" s="27"/>
      <c r="AU27" s="27"/>
      <c r="AV27" s="27"/>
      <c r="AW27" s="27"/>
      <c r="AX27" s="27"/>
      <c r="AY27" s="27"/>
      <c r="AZ27" s="27"/>
      <c r="BA27" s="27"/>
      <c r="BB27" s="27"/>
      <c r="BC27" s="27"/>
      <c r="BD27" s="27"/>
    </row>
    <row r="28" spans="1:56" s="26" customFormat="1" ht="24" customHeight="1">
      <c r="A28" s="35"/>
      <c r="B28" s="36"/>
      <c r="C28" s="37" t="s">
        <v>35</v>
      </c>
      <c r="D28" s="36"/>
      <c r="E28" s="57" t="s">
        <v>9</v>
      </c>
      <c r="F28" s="57"/>
      <c r="G28" s="36"/>
      <c r="H28" s="37" t="s">
        <v>35</v>
      </c>
      <c r="I28" s="36"/>
      <c r="J28" s="56"/>
      <c r="K28" s="57"/>
      <c r="L28" s="57"/>
      <c r="M28" s="58"/>
      <c r="N28" s="56"/>
      <c r="O28" s="57"/>
      <c r="P28" s="57"/>
      <c r="Q28" s="58"/>
      <c r="R28" s="56"/>
      <c r="S28" s="57"/>
      <c r="T28" s="57"/>
      <c r="U28" s="58"/>
      <c r="V28" s="56"/>
      <c r="W28" s="57"/>
      <c r="X28" s="57"/>
      <c r="Y28" s="58"/>
      <c r="Z28" s="56"/>
      <c r="AA28" s="58"/>
      <c r="AB28" s="56"/>
      <c r="AC28" s="58"/>
      <c r="AD28" s="75"/>
      <c r="AE28" s="76"/>
      <c r="AF28" s="75"/>
      <c r="AG28" s="76"/>
      <c r="AH28" s="56"/>
      <c r="AI28" s="57"/>
      <c r="AJ28" s="57"/>
      <c r="AK28" s="81"/>
      <c r="AN28" s="27"/>
      <c r="AO28" s="27"/>
      <c r="AP28" s="27"/>
      <c r="AQ28" s="27"/>
      <c r="AR28" s="27"/>
      <c r="AS28" s="27"/>
      <c r="AT28" s="27"/>
      <c r="AU28" s="27"/>
      <c r="AV28" s="27"/>
      <c r="AW28" s="27"/>
      <c r="AX28" s="27"/>
      <c r="AY28" s="27"/>
      <c r="AZ28" s="27"/>
      <c r="BA28" s="27"/>
      <c r="BB28" s="27"/>
      <c r="BC28" s="27"/>
      <c r="BD28" s="27"/>
    </row>
    <row r="29" spans="1:56" s="26" customFormat="1" ht="24" customHeight="1">
      <c r="A29" s="49"/>
      <c r="B29" s="50"/>
      <c r="C29" s="25" t="s">
        <v>4</v>
      </c>
      <c r="D29" s="68"/>
      <c r="E29" s="68"/>
      <c r="F29" s="25" t="s">
        <v>17</v>
      </c>
      <c r="G29" s="25"/>
      <c r="H29" s="25"/>
      <c r="I29" s="25" t="s">
        <v>2</v>
      </c>
      <c r="J29" s="53"/>
      <c r="K29" s="54"/>
      <c r="L29" s="54"/>
      <c r="M29" s="55"/>
      <c r="N29" s="53"/>
      <c r="O29" s="54"/>
      <c r="P29" s="54"/>
      <c r="Q29" s="55"/>
      <c r="R29" s="53"/>
      <c r="S29" s="54"/>
      <c r="T29" s="54"/>
      <c r="U29" s="55"/>
      <c r="V29" s="53"/>
      <c r="W29" s="54"/>
      <c r="X29" s="54"/>
      <c r="Y29" s="55"/>
      <c r="Z29" s="53"/>
      <c r="AA29" s="55"/>
      <c r="AB29" s="53"/>
      <c r="AC29" s="55"/>
      <c r="AD29" s="75"/>
      <c r="AE29" s="76"/>
      <c r="AF29" s="75"/>
      <c r="AG29" s="76"/>
      <c r="AH29" s="53"/>
      <c r="AI29" s="54"/>
      <c r="AJ29" s="54"/>
      <c r="AK29" s="79"/>
      <c r="AN29" s="27"/>
      <c r="AO29" s="27"/>
      <c r="AP29" s="27"/>
      <c r="AQ29" s="27"/>
      <c r="AR29" s="27"/>
      <c r="AS29" s="27"/>
      <c r="AT29" s="27"/>
      <c r="AU29" s="27"/>
      <c r="AV29" s="27"/>
      <c r="AW29" s="27"/>
      <c r="AX29" s="27"/>
      <c r="AY29" s="27"/>
      <c r="AZ29" s="27"/>
      <c r="BA29" s="27"/>
      <c r="BB29" s="27"/>
      <c r="BC29" s="27"/>
      <c r="BD29" s="27"/>
    </row>
    <row r="30" spans="1:56" s="26" customFormat="1" ht="24" customHeight="1">
      <c r="A30" s="35"/>
      <c r="B30" s="36"/>
      <c r="C30" s="37" t="s">
        <v>35</v>
      </c>
      <c r="D30" s="36"/>
      <c r="E30" s="57" t="s">
        <v>9</v>
      </c>
      <c r="F30" s="57"/>
      <c r="G30" s="36"/>
      <c r="H30" s="37" t="s">
        <v>35</v>
      </c>
      <c r="I30" s="36"/>
      <c r="J30" s="56"/>
      <c r="K30" s="57"/>
      <c r="L30" s="57"/>
      <c r="M30" s="58"/>
      <c r="N30" s="56"/>
      <c r="O30" s="57"/>
      <c r="P30" s="57"/>
      <c r="Q30" s="58"/>
      <c r="R30" s="56"/>
      <c r="S30" s="57"/>
      <c r="T30" s="57"/>
      <c r="U30" s="58"/>
      <c r="V30" s="56"/>
      <c r="W30" s="57"/>
      <c r="X30" s="57"/>
      <c r="Y30" s="58"/>
      <c r="Z30" s="56"/>
      <c r="AA30" s="58"/>
      <c r="AB30" s="56"/>
      <c r="AC30" s="58"/>
      <c r="AD30" s="75"/>
      <c r="AE30" s="76"/>
      <c r="AF30" s="75"/>
      <c r="AG30" s="76"/>
      <c r="AH30" s="56"/>
      <c r="AI30" s="57"/>
      <c r="AJ30" s="57"/>
      <c r="AK30" s="81"/>
      <c r="AN30" s="27"/>
      <c r="AO30" s="27"/>
      <c r="AP30" s="27"/>
      <c r="AQ30" s="27"/>
      <c r="AR30" s="27"/>
      <c r="AS30" s="27"/>
      <c r="AT30" s="27"/>
      <c r="AU30" s="27"/>
      <c r="AV30" s="27"/>
      <c r="AW30" s="27"/>
      <c r="AX30" s="27"/>
      <c r="AY30" s="27"/>
      <c r="AZ30" s="27"/>
      <c r="BA30" s="27"/>
      <c r="BB30" s="27"/>
      <c r="BC30" s="27"/>
      <c r="BD30" s="27"/>
    </row>
    <row r="31" spans="1:56" s="26" customFormat="1" ht="24" customHeight="1">
      <c r="A31" s="67"/>
      <c r="B31" s="68"/>
      <c r="C31" s="25" t="s">
        <v>4</v>
      </c>
      <c r="D31" s="68"/>
      <c r="E31" s="68"/>
      <c r="F31" s="25" t="s">
        <v>17</v>
      </c>
      <c r="G31" s="25"/>
      <c r="H31" s="25"/>
      <c r="I31" s="25" t="s">
        <v>2</v>
      </c>
      <c r="J31" s="53"/>
      <c r="K31" s="54"/>
      <c r="L31" s="54"/>
      <c r="M31" s="55"/>
      <c r="N31" s="53"/>
      <c r="O31" s="54"/>
      <c r="P31" s="54"/>
      <c r="Q31" s="55"/>
      <c r="R31" s="53"/>
      <c r="S31" s="54"/>
      <c r="T31" s="54"/>
      <c r="U31" s="55"/>
      <c r="V31" s="53"/>
      <c r="W31" s="54"/>
      <c r="X31" s="54"/>
      <c r="Y31" s="55"/>
      <c r="Z31" s="53"/>
      <c r="AA31" s="55"/>
      <c r="AB31" s="53"/>
      <c r="AC31" s="55"/>
      <c r="AD31" s="75"/>
      <c r="AE31" s="76"/>
      <c r="AF31" s="75"/>
      <c r="AG31" s="76"/>
      <c r="AH31" s="53"/>
      <c r="AI31" s="54"/>
      <c r="AJ31" s="54"/>
      <c r="AK31" s="79"/>
      <c r="AN31" s="27"/>
      <c r="AO31" s="27"/>
      <c r="AP31" s="27"/>
      <c r="AQ31" s="27"/>
      <c r="AR31" s="27"/>
      <c r="AS31" s="27"/>
      <c r="AT31" s="27"/>
      <c r="AU31" s="27"/>
      <c r="AV31" s="27"/>
      <c r="AW31" s="27"/>
      <c r="AX31" s="27"/>
      <c r="AY31" s="27"/>
      <c r="AZ31" s="27"/>
      <c r="BA31" s="27"/>
      <c r="BB31" s="27"/>
      <c r="BC31" s="27"/>
      <c r="BD31" s="27"/>
    </row>
    <row r="32" spans="1:56" s="26" customFormat="1" ht="24" customHeight="1">
      <c r="A32" s="35"/>
      <c r="B32" s="36"/>
      <c r="C32" s="37" t="s">
        <v>35</v>
      </c>
      <c r="D32" s="36"/>
      <c r="E32" s="57" t="s">
        <v>9</v>
      </c>
      <c r="F32" s="57"/>
      <c r="G32" s="36"/>
      <c r="H32" s="37" t="s">
        <v>35</v>
      </c>
      <c r="I32" s="36"/>
      <c r="J32" s="56"/>
      <c r="K32" s="57"/>
      <c r="L32" s="57"/>
      <c r="M32" s="58"/>
      <c r="N32" s="56"/>
      <c r="O32" s="57"/>
      <c r="P32" s="57"/>
      <c r="Q32" s="58"/>
      <c r="R32" s="56"/>
      <c r="S32" s="57"/>
      <c r="T32" s="57"/>
      <c r="U32" s="58"/>
      <c r="V32" s="56"/>
      <c r="W32" s="57"/>
      <c r="X32" s="57"/>
      <c r="Y32" s="58"/>
      <c r="Z32" s="56"/>
      <c r="AA32" s="58"/>
      <c r="AB32" s="56"/>
      <c r="AC32" s="58"/>
      <c r="AD32" s="75"/>
      <c r="AE32" s="76"/>
      <c r="AF32" s="75"/>
      <c r="AG32" s="76"/>
      <c r="AH32" s="56"/>
      <c r="AI32" s="57"/>
      <c r="AJ32" s="57"/>
      <c r="AK32" s="81"/>
      <c r="AN32" s="27"/>
      <c r="AO32" s="27"/>
      <c r="AP32" s="27"/>
      <c r="AQ32" s="27"/>
      <c r="AR32" s="27"/>
      <c r="AS32" s="27"/>
      <c r="AT32" s="27"/>
      <c r="AU32" s="27"/>
      <c r="AV32" s="27"/>
      <c r="AW32" s="27"/>
      <c r="AX32" s="27"/>
      <c r="AY32" s="27"/>
      <c r="AZ32" s="27"/>
      <c r="BA32" s="27"/>
      <c r="BB32" s="27"/>
      <c r="BC32" s="27"/>
      <c r="BD32" s="27"/>
    </row>
    <row r="33" spans="1:56" s="26" customFormat="1" ht="24" customHeight="1">
      <c r="A33" s="67"/>
      <c r="B33" s="68"/>
      <c r="C33" s="25" t="s">
        <v>4</v>
      </c>
      <c r="D33" s="68"/>
      <c r="E33" s="68"/>
      <c r="F33" s="25" t="s">
        <v>17</v>
      </c>
      <c r="G33" s="25"/>
      <c r="H33" s="25"/>
      <c r="I33" s="25" t="s">
        <v>2</v>
      </c>
      <c r="J33" s="53"/>
      <c r="K33" s="54"/>
      <c r="L33" s="54"/>
      <c r="M33" s="55"/>
      <c r="N33" s="53"/>
      <c r="O33" s="54"/>
      <c r="P33" s="54"/>
      <c r="Q33" s="55"/>
      <c r="R33" s="53"/>
      <c r="S33" s="54"/>
      <c r="T33" s="54"/>
      <c r="U33" s="55"/>
      <c r="V33" s="53"/>
      <c r="W33" s="54"/>
      <c r="X33" s="54"/>
      <c r="Y33" s="55"/>
      <c r="Z33" s="53"/>
      <c r="AA33" s="55"/>
      <c r="AB33" s="53"/>
      <c r="AC33" s="55"/>
      <c r="AD33" s="75"/>
      <c r="AE33" s="76"/>
      <c r="AF33" s="75"/>
      <c r="AG33" s="76"/>
      <c r="AH33" s="53"/>
      <c r="AI33" s="54"/>
      <c r="AJ33" s="54"/>
      <c r="AK33" s="79"/>
      <c r="AN33" s="27"/>
      <c r="AO33" s="27"/>
      <c r="AP33" s="27"/>
      <c r="AQ33" s="27"/>
      <c r="AR33" s="27"/>
      <c r="AS33" s="27"/>
      <c r="AT33" s="27"/>
      <c r="AU33" s="27"/>
      <c r="AV33" s="27"/>
      <c r="AW33" s="27"/>
      <c r="AX33" s="27"/>
      <c r="AY33" s="27"/>
      <c r="AZ33" s="27"/>
      <c r="BA33" s="27"/>
      <c r="BB33" s="27"/>
      <c r="BC33" s="27"/>
      <c r="BD33" s="27"/>
    </row>
    <row r="34" spans="1:56" s="26" customFormat="1" ht="24" customHeight="1" thickBot="1">
      <c r="A34" s="39"/>
      <c r="B34" s="40"/>
      <c r="C34" s="41" t="s">
        <v>35</v>
      </c>
      <c r="D34" s="40"/>
      <c r="E34" s="62" t="s">
        <v>9</v>
      </c>
      <c r="F34" s="62"/>
      <c r="G34" s="40"/>
      <c r="H34" s="41" t="s">
        <v>35</v>
      </c>
      <c r="I34" s="40"/>
      <c r="J34" s="61"/>
      <c r="K34" s="62"/>
      <c r="L34" s="62"/>
      <c r="M34" s="63"/>
      <c r="N34" s="61"/>
      <c r="O34" s="62"/>
      <c r="P34" s="62"/>
      <c r="Q34" s="63"/>
      <c r="R34" s="61"/>
      <c r="S34" s="62"/>
      <c r="T34" s="62"/>
      <c r="U34" s="63"/>
      <c r="V34" s="61"/>
      <c r="W34" s="62"/>
      <c r="X34" s="62"/>
      <c r="Y34" s="63"/>
      <c r="Z34" s="61"/>
      <c r="AA34" s="63"/>
      <c r="AB34" s="61"/>
      <c r="AC34" s="63"/>
      <c r="AD34" s="77"/>
      <c r="AE34" s="78"/>
      <c r="AF34" s="77"/>
      <c r="AG34" s="78"/>
      <c r="AH34" s="61"/>
      <c r="AI34" s="62"/>
      <c r="AJ34" s="62"/>
      <c r="AK34" s="80"/>
      <c r="AN34" s="27"/>
      <c r="AO34" s="27"/>
      <c r="AP34" s="27"/>
      <c r="AQ34" s="27"/>
      <c r="AR34" s="27"/>
      <c r="AS34" s="27"/>
      <c r="AT34" s="27"/>
      <c r="AU34" s="27"/>
      <c r="AV34" s="27"/>
      <c r="AW34" s="27"/>
      <c r="AX34" s="27"/>
      <c r="AY34" s="27"/>
      <c r="AZ34" s="27"/>
      <c r="BA34" s="27"/>
      <c r="BB34" s="27"/>
      <c r="BC34" s="27"/>
      <c r="BD34" s="27"/>
    </row>
    <row r="35" spans="1:56" s="26" customFormat="1" ht="13.9" customHeight="1" thickBot="1">
      <c r="A35" s="25"/>
      <c r="B35" s="25"/>
      <c r="C35" s="25"/>
      <c r="D35" s="25"/>
      <c r="E35" s="25"/>
      <c r="F35" s="25"/>
      <c r="G35" s="25"/>
      <c r="H35" s="25"/>
      <c r="I35" s="25"/>
      <c r="J35" s="25"/>
      <c r="K35" s="25"/>
      <c r="L35" s="25"/>
      <c r="M35" s="25"/>
      <c r="N35" s="25"/>
      <c r="O35" s="25"/>
      <c r="P35" s="25"/>
      <c r="Q35" s="25"/>
      <c r="R35" s="25"/>
      <c r="S35" s="25"/>
      <c r="T35" s="25"/>
      <c r="U35" s="25"/>
      <c r="V35" s="25"/>
      <c r="W35" s="25"/>
      <c r="X35" s="25"/>
      <c r="Y35" s="25"/>
      <c r="Z35" s="25"/>
      <c r="AA35" s="25"/>
      <c r="AB35" s="25"/>
      <c r="AC35" s="25"/>
      <c r="AD35" s="25"/>
      <c r="AE35" s="25"/>
      <c r="AF35" s="25"/>
      <c r="AG35" s="25"/>
      <c r="AH35" s="25"/>
      <c r="AI35" s="25"/>
      <c r="AJ35" s="25"/>
      <c r="AK35" s="25"/>
      <c r="AN35" s="27"/>
      <c r="AO35" s="27"/>
      <c r="AP35" s="27"/>
      <c r="AQ35" s="27"/>
      <c r="AR35" s="27"/>
      <c r="AS35" s="27"/>
      <c r="AT35" s="27"/>
      <c r="AU35" s="27"/>
      <c r="AV35" s="27"/>
      <c r="AW35" s="27"/>
      <c r="AX35" s="27"/>
      <c r="AY35" s="27"/>
      <c r="AZ35" s="27"/>
      <c r="BA35" s="27"/>
      <c r="BB35" s="27"/>
      <c r="BC35" s="27"/>
      <c r="BD35" s="27"/>
    </row>
    <row r="36" spans="1:56" s="26" customFormat="1" ht="13.9" customHeight="1" thickBot="1">
      <c r="A36" s="64" t="s">
        <v>12</v>
      </c>
      <c r="B36" s="65"/>
      <c r="C36" s="65"/>
      <c r="D36" s="65"/>
      <c r="E36" s="65"/>
      <c r="F36" s="65"/>
      <c r="G36" s="65"/>
      <c r="H36" s="65"/>
      <c r="I36" s="65"/>
      <c r="J36" s="65"/>
      <c r="K36" s="65"/>
      <c r="L36" s="65"/>
      <c r="M36" s="65"/>
      <c r="N36" s="65"/>
      <c r="O36" s="65"/>
      <c r="P36" s="65"/>
      <c r="Q36" s="65"/>
      <c r="R36" s="65"/>
      <c r="S36" s="65"/>
      <c r="T36" s="65"/>
      <c r="U36" s="65"/>
      <c r="V36" s="65"/>
      <c r="W36" s="65"/>
      <c r="X36" s="65"/>
      <c r="Y36" s="65"/>
      <c r="Z36" s="65"/>
      <c r="AA36" s="65"/>
      <c r="AB36" s="65"/>
      <c r="AC36" s="65"/>
      <c r="AD36" s="65"/>
      <c r="AE36" s="65"/>
      <c r="AF36" s="65"/>
      <c r="AG36" s="65"/>
      <c r="AH36" s="65"/>
      <c r="AI36" s="65"/>
      <c r="AJ36" s="65"/>
      <c r="AK36" s="66"/>
      <c r="AN36" s="27"/>
      <c r="AO36" s="27"/>
      <c r="AP36" s="27"/>
      <c r="AQ36" s="27"/>
      <c r="AR36" s="27"/>
      <c r="AS36" s="27"/>
      <c r="AT36" s="27"/>
      <c r="AU36" s="27"/>
      <c r="AV36" s="27"/>
      <c r="AW36" s="27"/>
      <c r="AX36" s="27"/>
      <c r="AY36" s="27"/>
      <c r="AZ36" s="27"/>
      <c r="BA36" s="27"/>
      <c r="BB36" s="27"/>
      <c r="BC36" s="27"/>
      <c r="BD36" s="27"/>
    </row>
    <row r="37" spans="1:56" s="26" customFormat="1" ht="13.9" customHeight="1">
      <c r="A37" s="69"/>
      <c r="B37" s="70"/>
      <c r="C37" s="70"/>
      <c r="D37" s="70"/>
      <c r="E37" s="70"/>
      <c r="F37" s="70"/>
      <c r="G37" s="70"/>
      <c r="H37" s="70"/>
      <c r="I37" s="70"/>
      <c r="J37" s="70"/>
      <c r="K37" s="70"/>
      <c r="L37" s="70"/>
      <c r="M37" s="70"/>
      <c r="N37" s="70"/>
      <c r="O37" s="70"/>
      <c r="P37" s="70"/>
      <c r="Q37" s="70"/>
      <c r="R37" s="70"/>
      <c r="S37" s="70"/>
      <c r="T37" s="70"/>
      <c r="U37" s="70"/>
      <c r="V37" s="70"/>
      <c r="W37" s="70"/>
      <c r="X37" s="70"/>
      <c r="Y37" s="70"/>
      <c r="Z37" s="70"/>
      <c r="AA37" s="70"/>
      <c r="AB37" s="70"/>
      <c r="AC37" s="70"/>
      <c r="AD37" s="70"/>
      <c r="AE37" s="70"/>
      <c r="AF37" s="70"/>
      <c r="AG37" s="70"/>
      <c r="AH37" s="70"/>
      <c r="AI37" s="70"/>
      <c r="AJ37" s="70"/>
      <c r="AK37" s="71"/>
      <c r="AN37" s="27"/>
      <c r="AO37" s="27"/>
      <c r="AP37" s="27"/>
      <c r="AQ37" s="27"/>
      <c r="AR37" s="27"/>
      <c r="AS37" s="27"/>
      <c r="AT37" s="27"/>
      <c r="AU37" s="27"/>
      <c r="AV37" s="27"/>
      <c r="AW37" s="27"/>
      <c r="AX37" s="27"/>
      <c r="AY37" s="27"/>
      <c r="AZ37" s="27"/>
      <c r="BA37" s="27"/>
      <c r="BB37" s="27"/>
      <c r="BC37" s="27"/>
      <c r="BD37" s="27"/>
    </row>
    <row r="38" spans="1:56" s="26" customFormat="1" ht="13.9" customHeight="1">
      <c r="A38" s="69"/>
      <c r="B38" s="70"/>
      <c r="C38" s="70"/>
      <c r="D38" s="70"/>
      <c r="E38" s="70"/>
      <c r="F38" s="70"/>
      <c r="G38" s="70"/>
      <c r="H38" s="70"/>
      <c r="I38" s="70"/>
      <c r="J38" s="70"/>
      <c r="K38" s="70"/>
      <c r="L38" s="70"/>
      <c r="M38" s="70"/>
      <c r="N38" s="70"/>
      <c r="O38" s="70"/>
      <c r="P38" s="70"/>
      <c r="Q38" s="70"/>
      <c r="R38" s="70"/>
      <c r="S38" s="70"/>
      <c r="T38" s="70"/>
      <c r="U38" s="70"/>
      <c r="V38" s="70"/>
      <c r="W38" s="70"/>
      <c r="X38" s="70"/>
      <c r="Y38" s="70"/>
      <c r="Z38" s="70"/>
      <c r="AA38" s="70"/>
      <c r="AB38" s="70"/>
      <c r="AC38" s="70"/>
      <c r="AD38" s="70"/>
      <c r="AE38" s="70"/>
      <c r="AF38" s="70"/>
      <c r="AG38" s="70"/>
      <c r="AH38" s="70"/>
      <c r="AI38" s="70"/>
      <c r="AJ38" s="70"/>
      <c r="AK38" s="71"/>
      <c r="AN38" s="27"/>
      <c r="AO38" s="27"/>
      <c r="AP38" s="27"/>
      <c r="AQ38" s="27"/>
      <c r="AR38" s="27"/>
      <c r="AS38" s="27"/>
      <c r="AT38" s="27"/>
      <c r="AU38" s="27"/>
      <c r="AV38" s="27"/>
      <c r="AW38" s="27"/>
      <c r="AX38" s="27"/>
      <c r="AY38" s="27"/>
      <c r="AZ38" s="27"/>
      <c r="BA38" s="27"/>
      <c r="BB38" s="27"/>
      <c r="BC38" s="27"/>
      <c r="BD38" s="27"/>
    </row>
    <row r="39" spans="1:56" s="26" customFormat="1" ht="13.9" customHeight="1">
      <c r="A39" s="69"/>
      <c r="B39" s="70"/>
      <c r="C39" s="70"/>
      <c r="D39" s="70"/>
      <c r="E39" s="70"/>
      <c r="F39" s="70"/>
      <c r="G39" s="70"/>
      <c r="H39" s="70"/>
      <c r="I39" s="70"/>
      <c r="J39" s="70"/>
      <c r="K39" s="70"/>
      <c r="L39" s="70"/>
      <c r="M39" s="70"/>
      <c r="N39" s="70"/>
      <c r="O39" s="70"/>
      <c r="P39" s="70"/>
      <c r="Q39" s="70"/>
      <c r="R39" s="70"/>
      <c r="S39" s="70"/>
      <c r="T39" s="70"/>
      <c r="U39" s="70"/>
      <c r="V39" s="70"/>
      <c r="W39" s="70"/>
      <c r="X39" s="70"/>
      <c r="Y39" s="70"/>
      <c r="Z39" s="70"/>
      <c r="AA39" s="70"/>
      <c r="AB39" s="70"/>
      <c r="AC39" s="70"/>
      <c r="AD39" s="70"/>
      <c r="AE39" s="70"/>
      <c r="AF39" s="70"/>
      <c r="AG39" s="70"/>
      <c r="AH39" s="70"/>
      <c r="AI39" s="70"/>
      <c r="AJ39" s="70"/>
      <c r="AK39" s="71"/>
      <c r="AN39" s="27"/>
      <c r="AO39" s="27"/>
      <c r="AP39" s="27"/>
      <c r="AQ39" s="27"/>
      <c r="AR39" s="27"/>
      <c r="AS39" s="27"/>
      <c r="AT39" s="27"/>
      <c r="AU39" s="27"/>
      <c r="AV39" s="27"/>
      <c r="AW39" s="27"/>
      <c r="AX39" s="27"/>
      <c r="AY39" s="27"/>
      <c r="AZ39" s="27"/>
      <c r="BA39" s="27"/>
      <c r="BB39" s="27"/>
      <c r="BC39" s="27"/>
      <c r="BD39" s="27"/>
    </row>
    <row r="40" spans="1:56" s="26" customFormat="1" ht="13.9" customHeight="1" thickBot="1">
      <c r="A40" s="72"/>
      <c r="B40" s="73"/>
      <c r="C40" s="73"/>
      <c r="D40" s="73"/>
      <c r="E40" s="73"/>
      <c r="F40" s="73"/>
      <c r="G40" s="73"/>
      <c r="H40" s="73"/>
      <c r="I40" s="73"/>
      <c r="J40" s="73"/>
      <c r="K40" s="73"/>
      <c r="L40" s="73"/>
      <c r="M40" s="73"/>
      <c r="N40" s="73"/>
      <c r="O40" s="73"/>
      <c r="P40" s="73"/>
      <c r="Q40" s="73"/>
      <c r="R40" s="73"/>
      <c r="S40" s="73"/>
      <c r="T40" s="73"/>
      <c r="U40" s="73"/>
      <c r="V40" s="73"/>
      <c r="W40" s="73"/>
      <c r="X40" s="73"/>
      <c r="Y40" s="73"/>
      <c r="Z40" s="73"/>
      <c r="AA40" s="73"/>
      <c r="AB40" s="73"/>
      <c r="AC40" s="73"/>
      <c r="AD40" s="73"/>
      <c r="AE40" s="73"/>
      <c r="AF40" s="73"/>
      <c r="AG40" s="73"/>
      <c r="AH40" s="73"/>
      <c r="AI40" s="73"/>
      <c r="AJ40" s="73"/>
      <c r="AK40" s="74"/>
      <c r="AN40" s="27"/>
      <c r="AO40" s="27"/>
      <c r="AP40" s="27"/>
      <c r="AQ40" s="27"/>
      <c r="AR40" s="27"/>
      <c r="AS40" s="27"/>
      <c r="AT40" s="27"/>
      <c r="AU40" s="27"/>
      <c r="AV40" s="27"/>
      <c r="AW40" s="27"/>
      <c r="AX40" s="27"/>
      <c r="AY40" s="27"/>
      <c r="AZ40" s="27"/>
      <c r="BA40" s="27"/>
      <c r="BB40" s="27"/>
      <c r="BC40" s="27"/>
      <c r="BD40" s="27"/>
    </row>
    <row r="41" spans="1:56" s="26" customFormat="1" ht="12" customHeight="1">
      <c r="A41" s="42"/>
      <c r="B41" s="42"/>
      <c r="C41" s="42"/>
      <c r="D41" s="42"/>
      <c r="E41" s="42"/>
      <c r="F41" s="42"/>
      <c r="G41" s="42"/>
      <c r="H41" s="42"/>
      <c r="I41" s="42"/>
      <c r="J41" s="42"/>
      <c r="K41" s="42"/>
      <c r="L41" s="42"/>
      <c r="M41" s="42"/>
      <c r="N41" s="42"/>
      <c r="O41" s="42"/>
      <c r="P41" s="42"/>
      <c r="Q41" s="42"/>
      <c r="R41" s="42"/>
      <c r="S41" s="42"/>
      <c r="T41" s="42"/>
      <c r="U41" s="42"/>
      <c r="V41" s="42"/>
      <c r="W41" s="42"/>
      <c r="X41" s="42"/>
      <c r="Y41" s="42"/>
      <c r="Z41" s="42"/>
      <c r="AA41" s="42"/>
      <c r="AB41" s="42"/>
      <c r="AC41" s="42"/>
      <c r="AD41" s="42"/>
      <c r="AE41" s="42"/>
      <c r="AF41" s="42"/>
      <c r="AG41" s="42"/>
      <c r="AH41" s="42"/>
      <c r="AI41" s="42"/>
      <c r="AJ41" s="42"/>
      <c r="AK41" s="42"/>
      <c r="AN41" s="27"/>
      <c r="AO41" s="27"/>
      <c r="AP41" s="27"/>
      <c r="AQ41" s="27"/>
      <c r="AR41" s="27"/>
      <c r="AS41" s="27"/>
      <c r="AT41" s="27"/>
      <c r="AU41" s="27"/>
      <c r="AV41" s="27"/>
      <c r="AW41" s="27"/>
      <c r="AX41" s="27"/>
      <c r="AY41" s="27"/>
      <c r="AZ41" s="27"/>
      <c r="BA41" s="27"/>
      <c r="BB41" s="27"/>
      <c r="BC41" s="27"/>
      <c r="BD41" s="27"/>
    </row>
    <row r="42" spans="1:56" ht="16.5" customHeight="1">
      <c r="A42" s="47" t="s">
        <v>371</v>
      </c>
      <c r="B42" s="47"/>
      <c r="C42" s="47"/>
      <c r="D42" s="47"/>
      <c r="E42" s="47"/>
      <c r="F42" s="47"/>
      <c r="G42" s="47"/>
      <c r="H42" s="47"/>
      <c r="I42" s="47"/>
      <c r="J42" s="47"/>
      <c r="K42" s="47"/>
      <c r="L42" s="47"/>
      <c r="M42" s="47"/>
      <c r="N42" s="47"/>
      <c r="O42" s="47"/>
      <c r="P42" s="47"/>
      <c r="Q42" s="47"/>
      <c r="R42" s="47"/>
      <c r="S42" s="47"/>
      <c r="T42" s="47"/>
      <c r="U42" s="47"/>
      <c r="V42" s="47"/>
      <c r="W42" s="47"/>
      <c r="X42" s="47"/>
      <c r="Y42" s="47"/>
      <c r="Z42" s="47"/>
      <c r="AA42" s="47"/>
      <c r="AB42" s="47"/>
      <c r="AC42" s="47"/>
      <c r="AD42" s="47"/>
      <c r="AE42" s="47"/>
      <c r="AF42" s="47"/>
      <c r="AG42" s="47"/>
      <c r="AH42" s="47"/>
      <c r="AI42" s="47"/>
      <c r="AJ42" s="47"/>
      <c r="AK42" s="47"/>
    </row>
    <row r="43" spans="1:56" ht="13.9" customHeight="1">
      <c r="A43" s="5"/>
      <c r="B43" s="5"/>
      <c r="C43" s="5" t="s">
        <v>372</v>
      </c>
      <c r="D43" s="5"/>
      <c r="E43" s="5"/>
      <c r="F43" s="5"/>
      <c r="G43" s="5"/>
      <c r="H43" s="5"/>
      <c r="I43" s="5"/>
      <c r="J43" s="5"/>
      <c r="K43" s="5"/>
      <c r="L43" s="5"/>
      <c r="M43" s="5"/>
      <c r="N43" s="5"/>
      <c r="O43" s="5"/>
      <c r="P43" s="5"/>
      <c r="Q43" s="5"/>
      <c r="R43" s="5"/>
      <c r="S43" s="5"/>
      <c r="T43" s="5"/>
      <c r="U43" s="5"/>
      <c r="V43" s="5"/>
      <c r="W43" s="5"/>
      <c r="X43" s="5"/>
      <c r="Y43" s="5"/>
      <c r="Z43" s="5"/>
      <c r="AA43" s="5"/>
      <c r="AB43" s="5"/>
      <c r="AC43" s="5"/>
      <c r="AD43" s="5"/>
      <c r="AE43" s="5"/>
      <c r="AF43" s="5"/>
      <c r="AG43" s="5"/>
      <c r="AH43" s="5"/>
      <c r="AI43" s="5"/>
      <c r="AJ43" s="5"/>
      <c r="AK43" s="5"/>
    </row>
    <row r="44" spans="1:56" ht="13.9" customHeight="1">
      <c r="A44" s="5" t="s">
        <v>24</v>
      </c>
      <c r="B44" s="5"/>
      <c r="C44" s="5"/>
      <c r="D44" s="5"/>
      <c r="E44" s="5"/>
      <c r="F44" s="5"/>
      <c r="G44" s="5"/>
      <c r="H44" s="5"/>
      <c r="I44" s="5"/>
      <c r="J44" s="5"/>
      <c r="K44" s="5"/>
      <c r="L44" s="5"/>
      <c r="M44" s="5"/>
      <c r="N44" s="5"/>
      <c r="O44" s="5"/>
      <c r="P44" s="5"/>
      <c r="Q44" s="5"/>
      <c r="R44" s="5"/>
      <c r="S44" s="5"/>
      <c r="T44" s="5"/>
      <c r="U44" s="5"/>
      <c r="V44" s="5"/>
      <c r="W44" s="5"/>
      <c r="X44" s="5"/>
      <c r="Y44" s="5"/>
      <c r="Z44" s="5"/>
      <c r="AA44" s="5"/>
      <c r="AB44" s="5"/>
      <c r="AC44" s="5"/>
      <c r="AD44" s="5"/>
      <c r="AE44" s="5"/>
      <c r="AF44" s="5"/>
      <c r="AG44" s="5"/>
      <c r="AH44" s="5"/>
      <c r="AI44" s="5"/>
      <c r="AJ44" s="5"/>
      <c r="AK44" s="5"/>
    </row>
    <row r="45" spans="1:56" ht="15" customHeight="1">
      <c r="A45" s="5" t="s">
        <v>26</v>
      </c>
      <c r="B45" s="5"/>
      <c r="C45" s="5"/>
      <c r="D45" s="5"/>
      <c r="E45" s="5"/>
      <c r="F45" s="5"/>
      <c r="G45" s="5"/>
      <c r="H45" s="5"/>
      <c r="I45" s="5"/>
      <c r="J45" s="5"/>
      <c r="K45" s="5"/>
      <c r="L45" s="5"/>
      <c r="M45" s="5"/>
      <c r="N45" s="5"/>
      <c r="O45" s="5"/>
      <c r="P45" s="5"/>
      <c r="Q45" s="5"/>
      <c r="R45" s="5"/>
      <c r="S45" s="5"/>
      <c r="T45" s="5"/>
      <c r="U45" s="5"/>
      <c r="V45" s="5"/>
      <c r="W45" s="5"/>
      <c r="X45" s="5"/>
      <c r="Y45" s="5"/>
      <c r="Z45" s="5"/>
      <c r="AA45" s="5"/>
      <c r="AB45" s="5"/>
      <c r="AC45" s="5"/>
      <c r="AD45" s="5"/>
      <c r="AE45" s="5"/>
      <c r="AF45" s="5"/>
      <c r="AG45" s="5"/>
      <c r="AH45" s="5"/>
      <c r="AI45" s="5"/>
      <c r="AJ45" s="5"/>
      <c r="AK45" s="5"/>
    </row>
    <row r="46" spans="1:56" ht="15" customHeight="1">
      <c r="A46" s="6" t="s">
        <v>27</v>
      </c>
      <c r="B46" s="6"/>
      <c r="C46" s="6"/>
      <c r="D46" s="6"/>
      <c r="E46" s="6"/>
      <c r="F46" s="5"/>
      <c r="G46" s="5"/>
      <c r="H46" s="5"/>
      <c r="I46" s="5"/>
      <c r="J46" s="5"/>
      <c r="K46" s="5"/>
      <c r="L46" s="5"/>
      <c r="M46" s="5"/>
      <c r="N46" s="5"/>
      <c r="O46" s="5"/>
      <c r="P46" s="5"/>
      <c r="Q46" s="5"/>
      <c r="R46" s="5"/>
      <c r="S46" s="5"/>
      <c r="T46" s="5"/>
      <c r="U46" s="5"/>
      <c r="V46" s="5"/>
      <c r="W46" s="5"/>
      <c r="X46" s="5"/>
      <c r="Y46" s="5"/>
      <c r="Z46" s="5"/>
      <c r="AA46" s="5"/>
      <c r="AB46" s="5"/>
      <c r="AC46" s="5"/>
      <c r="AD46" s="5"/>
      <c r="AE46" s="5"/>
      <c r="AF46" s="5"/>
      <c r="AG46" s="5"/>
      <c r="AH46" s="5"/>
      <c r="AI46" s="5"/>
      <c r="AJ46" s="5"/>
      <c r="AK46" s="5"/>
    </row>
    <row r="47" spans="1:56" ht="15" customHeight="1">
      <c r="A47" s="6" t="s">
        <v>373</v>
      </c>
      <c r="B47" s="6"/>
      <c r="C47" s="6"/>
      <c r="D47" s="6"/>
      <c r="E47" s="6"/>
      <c r="F47" s="5"/>
      <c r="G47" s="5"/>
      <c r="H47" s="5"/>
      <c r="I47" s="5"/>
      <c r="J47" s="5"/>
      <c r="K47" s="5"/>
      <c r="L47" s="5"/>
      <c r="M47" s="5"/>
      <c r="N47" s="5"/>
      <c r="O47" s="5"/>
      <c r="P47" s="5"/>
      <c r="Q47" s="5"/>
      <c r="R47" s="5"/>
      <c r="S47" s="5"/>
      <c r="T47" s="5"/>
      <c r="U47" s="5"/>
      <c r="V47" s="5"/>
      <c r="W47" s="5"/>
      <c r="X47" s="5"/>
      <c r="Y47" s="5"/>
      <c r="Z47" s="5"/>
      <c r="AA47" s="5"/>
      <c r="AB47" s="5"/>
      <c r="AC47" s="5"/>
      <c r="AD47" s="5"/>
      <c r="AE47" s="5"/>
      <c r="AF47" s="5"/>
      <c r="AG47" s="5"/>
      <c r="AH47" s="5"/>
      <c r="AI47" s="5"/>
      <c r="AJ47" s="5"/>
      <c r="AK47" s="5"/>
    </row>
    <row r="48" spans="1:56" ht="15" customHeight="1">
      <c r="A48" s="5" t="s">
        <v>28</v>
      </c>
      <c r="B48" s="5"/>
      <c r="C48" s="5"/>
      <c r="D48" s="5"/>
      <c r="E48" s="5"/>
      <c r="F48" s="5"/>
      <c r="G48" s="5"/>
      <c r="H48" s="5"/>
      <c r="I48" s="5"/>
      <c r="J48" s="5"/>
      <c r="K48" s="5"/>
      <c r="L48" s="5"/>
      <c r="M48" s="5"/>
      <c r="N48" s="5"/>
      <c r="O48" s="5"/>
      <c r="P48" s="5"/>
      <c r="Q48" s="5"/>
      <c r="R48" s="5"/>
      <c r="S48" s="5"/>
      <c r="T48" s="5"/>
      <c r="U48" s="5"/>
      <c r="V48" s="5"/>
      <c r="W48" s="5"/>
      <c r="X48" s="5"/>
      <c r="Y48" s="5"/>
      <c r="Z48" s="5"/>
      <c r="AA48" s="5"/>
      <c r="AB48" s="5"/>
      <c r="AC48" s="5"/>
      <c r="AD48" s="5"/>
      <c r="AE48" s="5"/>
      <c r="AF48" s="5"/>
      <c r="AG48" s="5"/>
      <c r="AH48" s="5"/>
      <c r="AI48" s="5"/>
      <c r="AJ48" s="5"/>
      <c r="AK48" s="5"/>
    </row>
    <row r="49" spans="1:56" s="26" customFormat="1" ht="15" customHeight="1">
      <c r="A49" s="25" t="s">
        <v>374</v>
      </c>
      <c r="B49" s="25"/>
      <c r="C49" s="25"/>
      <c r="D49" s="25"/>
      <c r="E49" s="25"/>
      <c r="F49" s="25"/>
      <c r="G49" s="25"/>
      <c r="H49" s="25"/>
      <c r="I49" s="25"/>
      <c r="J49" s="25"/>
      <c r="K49" s="25"/>
      <c r="L49" s="25"/>
      <c r="M49" s="25"/>
      <c r="N49" s="25"/>
      <c r="O49" s="25"/>
      <c r="P49" s="25"/>
      <c r="Q49" s="25"/>
      <c r="R49" s="25"/>
      <c r="S49" s="25"/>
      <c r="T49" s="25"/>
      <c r="U49" s="25"/>
      <c r="V49" s="25"/>
      <c r="W49" s="25"/>
      <c r="X49" s="28"/>
      <c r="Y49" s="25"/>
      <c r="Z49" s="25"/>
      <c r="AA49" s="25"/>
      <c r="AB49" s="25"/>
      <c r="AC49" s="25"/>
      <c r="AD49" s="25"/>
      <c r="AE49" s="25"/>
      <c r="AF49" s="25"/>
      <c r="AG49" s="25"/>
      <c r="AH49" s="25"/>
      <c r="AI49" s="25"/>
      <c r="AJ49" s="25"/>
      <c r="AK49" s="25"/>
      <c r="AN49" s="27"/>
      <c r="AO49" s="27"/>
      <c r="AP49" s="27"/>
      <c r="AQ49" s="27"/>
      <c r="AR49" s="27"/>
      <c r="AS49" s="27"/>
      <c r="AT49" s="27"/>
      <c r="AU49" s="27"/>
      <c r="AV49" s="27"/>
      <c r="AW49" s="27"/>
      <c r="AX49" s="27"/>
      <c r="AY49" s="27"/>
      <c r="AZ49" s="27"/>
      <c r="BA49" s="27"/>
      <c r="BB49" s="27"/>
      <c r="BC49" s="27"/>
      <c r="BD49" s="27"/>
    </row>
    <row r="50" spans="1:56" s="26" customFormat="1" ht="15" customHeight="1">
      <c r="A50" s="25"/>
      <c r="B50" s="25"/>
      <c r="C50" s="25"/>
      <c r="D50" s="25"/>
      <c r="E50" s="25"/>
      <c r="F50" s="25"/>
      <c r="G50" s="25"/>
      <c r="H50" s="25"/>
      <c r="I50" s="25"/>
      <c r="J50" s="25"/>
      <c r="K50" s="25"/>
      <c r="L50" s="25"/>
      <c r="M50" s="25"/>
      <c r="N50" s="25"/>
      <c r="O50" s="25"/>
      <c r="P50" s="25"/>
      <c r="Q50" s="25"/>
      <c r="R50" s="25"/>
      <c r="S50" s="25"/>
      <c r="T50" s="25"/>
      <c r="U50" s="25"/>
      <c r="V50" s="25"/>
      <c r="W50" s="25"/>
      <c r="X50" s="28"/>
      <c r="Y50" s="25"/>
      <c r="Z50" s="25"/>
      <c r="AA50" s="25"/>
      <c r="AB50" s="25"/>
      <c r="AC50" s="25"/>
      <c r="AD50" s="28"/>
      <c r="AE50" s="25"/>
      <c r="AF50" s="25"/>
      <c r="AG50" s="25"/>
      <c r="AH50" s="25"/>
      <c r="AI50" s="25"/>
      <c r="AJ50" s="25"/>
      <c r="AK50" s="25"/>
      <c r="AN50" s="27"/>
      <c r="AO50" s="27"/>
      <c r="AP50" s="27"/>
      <c r="AQ50" s="27"/>
      <c r="AR50" s="27"/>
      <c r="AS50" s="27"/>
      <c r="AT50" s="27"/>
      <c r="AU50" s="27"/>
      <c r="AV50" s="27"/>
      <c r="AW50" s="27"/>
      <c r="AX50" s="27"/>
      <c r="AY50" s="27"/>
      <c r="AZ50" s="27"/>
      <c r="BA50" s="27"/>
      <c r="BB50" s="27"/>
      <c r="BC50" s="27"/>
      <c r="BD50" s="27"/>
    </row>
    <row r="51" spans="1:56" s="26" customFormat="1" ht="15" customHeight="1">
      <c r="A51" s="25" t="s">
        <v>32</v>
      </c>
      <c r="B51" s="29"/>
      <c r="C51" s="29"/>
      <c r="D51" s="29"/>
      <c r="E51" s="29"/>
      <c r="G51" s="25" t="s">
        <v>376</v>
      </c>
      <c r="H51" s="25"/>
      <c r="I51" s="25"/>
      <c r="J51" s="25"/>
      <c r="K51" s="25"/>
      <c r="L51" s="25"/>
      <c r="M51" s="25"/>
      <c r="N51" s="25"/>
      <c r="O51" s="25"/>
      <c r="P51" s="25"/>
      <c r="Q51" s="25"/>
      <c r="R51" s="25"/>
      <c r="S51" s="30"/>
      <c r="U51" s="25" t="s">
        <v>33</v>
      </c>
      <c r="V51" s="28"/>
      <c r="W51" s="29"/>
      <c r="X51" s="29"/>
      <c r="Y51" s="25" t="s">
        <v>36</v>
      </c>
      <c r="Z51" s="29"/>
      <c r="AA51" s="48" t="s">
        <v>375</v>
      </c>
      <c r="AB51" s="48"/>
      <c r="AC51" s="48"/>
      <c r="AD51" s="48"/>
      <c r="AE51" s="48"/>
      <c r="AF51" s="48"/>
      <c r="AG51" s="48"/>
      <c r="AH51" s="29"/>
      <c r="AI51" s="29"/>
      <c r="AJ51" s="29"/>
      <c r="AK51" s="29"/>
      <c r="AN51" s="27"/>
      <c r="AO51" s="27"/>
      <c r="AP51" s="27"/>
      <c r="AQ51" s="27"/>
      <c r="AR51" s="27"/>
      <c r="AS51" s="27"/>
      <c r="AT51" s="27"/>
      <c r="AU51" s="27"/>
      <c r="AV51" s="27"/>
      <c r="AW51" s="27"/>
      <c r="AX51" s="27"/>
      <c r="AY51" s="27"/>
      <c r="AZ51" s="27"/>
      <c r="BA51" s="27"/>
      <c r="BB51" s="27"/>
      <c r="BC51" s="27"/>
      <c r="BD51" s="27"/>
    </row>
  </sheetData>
  <mergeCells count="102">
    <mergeCell ref="A2:AK2"/>
    <mergeCell ref="V16:Y17"/>
    <mergeCell ref="A6:AK7"/>
    <mergeCell ref="A23:B23"/>
    <mergeCell ref="D23:E23"/>
    <mergeCell ref="AB9:AC9"/>
    <mergeCell ref="AE9:AF9"/>
    <mergeCell ref="AH9:AI9"/>
    <mergeCell ref="Y11:AK11"/>
    <mergeCell ref="A16:U17"/>
    <mergeCell ref="AH27:AK28"/>
    <mergeCell ref="E24:F24"/>
    <mergeCell ref="J23:M24"/>
    <mergeCell ref="N23:Q24"/>
    <mergeCell ref="R25:U26"/>
    <mergeCell ref="V25:Y26"/>
    <mergeCell ref="AH21:AK22"/>
    <mergeCell ref="J21:M22"/>
    <mergeCell ref="V23:Y24"/>
    <mergeCell ref="Z23:AA24"/>
    <mergeCell ref="A10:F10"/>
    <mergeCell ref="G10:R10"/>
    <mergeCell ref="S10:X10"/>
    <mergeCell ref="Y10:AK10"/>
    <mergeCell ref="A11:F11"/>
    <mergeCell ref="G11:R11"/>
    <mergeCell ref="S11:X11"/>
    <mergeCell ref="A21:I22"/>
    <mergeCell ref="AH23:AK24"/>
    <mergeCell ref="AD22:AE22"/>
    <mergeCell ref="AF22:AG22"/>
    <mergeCell ref="R23:U24"/>
    <mergeCell ref="AB21:AG21"/>
    <mergeCell ref="Z29:AA30"/>
    <mergeCell ref="AB29:AC30"/>
    <mergeCell ref="AD29:AE30"/>
    <mergeCell ref="AF29:AG30"/>
    <mergeCell ref="A25:B25"/>
    <mergeCell ref="D25:E25"/>
    <mergeCell ref="J25:M26"/>
    <mergeCell ref="N25:Q26"/>
    <mergeCell ref="AF27:AG28"/>
    <mergeCell ref="AD27:AE28"/>
    <mergeCell ref="Z27:AA28"/>
    <mergeCell ref="AB27:AC28"/>
    <mergeCell ref="Z21:AA22"/>
    <mergeCell ref="AH29:AK30"/>
    <mergeCell ref="V29:Y30"/>
    <mergeCell ref="E30:F30"/>
    <mergeCell ref="J27:M28"/>
    <mergeCell ref="N27:Q28"/>
    <mergeCell ref="R27:U28"/>
    <mergeCell ref="V27:Y28"/>
    <mergeCell ref="AH25:AK26"/>
    <mergeCell ref="E26:F26"/>
    <mergeCell ref="Z25:AA26"/>
    <mergeCell ref="AB25:AC26"/>
    <mergeCell ref="AD25:AE26"/>
    <mergeCell ref="AF25:AG26"/>
    <mergeCell ref="N21:Q22"/>
    <mergeCell ref="R21:U22"/>
    <mergeCell ref="V21:Y22"/>
    <mergeCell ref="AB22:AC22"/>
    <mergeCell ref="AB23:AC24"/>
    <mergeCell ref="AD23:AE24"/>
    <mergeCell ref="AF23:AG24"/>
    <mergeCell ref="A27:B27"/>
    <mergeCell ref="D27:E27"/>
    <mergeCell ref="E28:F28"/>
    <mergeCell ref="A29:B29"/>
    <mergeCell ref="D29:E29"/>
    <mergeCell ref="J29:M30"/>
    <mergeCell ref="N29:Q30"/>
    <mergeCell ref="R29:U30"/>
    <mergeCell ref="A31:B31"/>
    <mergeCell ref="D31:E31"/>
    <mergeCell ref="J31:M32"/>
    <mergeCell ref="N31:Q32"/>
    <mergeCell ref="R31:U32"/>
    <mergeCell ref="V31:Y32"/>
    <mergeCell ref="Z31:AA32"/>
    <mergeCell ref="AB31:AC32"/>
    <mergeCell ref="A42:AK42"/>
    <mergeCell ref="A36:AK36"/>
    <mergeCell ref="A33:B33"/>
    <mergeCell ref="A37:AK40"/>
    <mergeCell ref="Z33:AA34"/>
    <mergeCell ref="AB33:AC34"/>
    <mergeCell ref="AD33:AE34"/>
    <mergeCell ref="AF33:AG34"/>
    <mergeCell ref="AH33:AK34"/>
    <mergeCell ref="E34:F34"/>
    <mergeCell ref="AD31:AE32"/>
    <mergeCell ref="AF31:AG32"/>
    <mergeCell ref="AH31:AK32"/>
    <mergeCell ref="E32:F32"/>
    <mergeCell ref="D33:E33"/>
    <mergeCell ref="J33:M34"/>
    <mergeCell ref="N33:Q34"/>
    <mergeCell ref="R33:U34"/>
    <mergeCell ref="V33:Y34"/>
    <mergeCell ref="AA51:AG51"/>
  </mergeCells>
  <phoneticPr fontId="1"/>
  <conditionalFormatting sqref="A37:AK41">
    <cfRule type="containsBlanks" dxfId="1" priority="7">
      <formula>LEN(TRIM(#REF!))=0</formula>
    </cfRule>
  </conditionalFormatting>
  <conditionalFormatting sqref="AA51:AG51">
    <cfRule type="containsBlanks" dxfId="0" priority="5">
      <formula>LEN(TRIM(AA51))=0</formula>
    </cfRule>
  </conditionalFormatting>
  <dataValidations count="2">
    <dataValidation imeMode="on" allowBlank="1" showInputMessage="1" showErrorMessage="1" sqref="A20:E20 A21 A10:G11 A44:E45 S10:Y11 B15:E15 A15:A16 A49:E50" xr:uid="{00000000-0002-0000-0000-000000000000}"/>
    <dataValidation imeMode="off" allowBlank="1" showInputMessage="1" showErrorMessage="1" sqref="A31 AK9 A23 B26 D25 A25 A27 D27 D29 AB9 D31 AD9:AE9 D23 B24 AG9:AH9 V16 H23 B34 H25 H27 H29 H31 B28 G23:G34 B30 B32 A33 D33 H33 A29" xr:uid="{00000000-0002-0000-0000-000001000000}"/>
  </dataValidations>
  <printOptions horizontalCentered="1"/>
  <pageMargins left="0.31496062992125984" right="0.11811023622047245" top="0.35433070866141736" bottom="0.35433070866141736" header="0.31496062992125984" footer="0.31496062992125984"/>
  <pageSetup paperSize="9" scale="98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rgb="FF00B050"/>
  </sheetPr>
  <dimension ref="A1:H166"/>
  <sheetViews>
    <sheetView topLeftCell="A18" workbookViewId="0">
      <selection activeCell="B20" sqref="B20"/>
    </sheetView>
  </sheetViews>
  <sheetFormatPr defaultColWidth="8.75" defaultRowHeight="18.75"/>
  <cols>
    <col min="1" max="1" width="8.75" style="15"/>
    <col min="2" max="2" width="22.25" style="15" bestFit="1" customWidth="1"/>
    <col min="3" max="16384" width="8.75" style="15"/>
  </cols>
  <sheetData>
    <row r="1" spans="1:8">
      <c r="A1" s="13" t="s">
        <v>38</v>
      </c>
      <c r="B1" s="13" t="s">
        <v>39</v>
      </c>
      <c r="C1" s="14"/>
      <c r="D1" s="14"/>
    </row>
    <row r="2" spans="1:8">
      <c r="A2" s="16" t="s">
        <v>40</v>
      </c>
      <c r="B2" s="17" t="s">
        <v>41</v>
      </c>
      <c r="C2" s="18"/>
      <c r="D2" s="18"/>
      <c r="E2" s="19"/>
      <c r="F2" s="19"/>
      <c r="G2" s="19"/>
      <c r="H2" s="19"/>
    </row>
    <row r="3" spans="1:8">
      <c r="A3" s="16" t="s">
        <v>42</v>
      </c>
      <c r="B3" s="17" t="s">
        <v>43</v>
      </c>
      <c r="C3" s="18"/>
      <c r="D3" s="18"/>
      <c r="E3" s="19" t="s">
        <v>38</v>
      </c>
      <c r="F3" s="19" t="s">
        <v>39</v>
      </c>
      <c r="G3" s="19"/>
      <c r="H3" s="19"/>
    </row>
    <row r="4" spans="1:8">
      <c r="A4" s="16" t="s">
        <v>44</v>
      </c>
      <c r="B4" s="17" t="s">
        <v>45</v>
      </c>
      <c r="C4" s="18"/>
      <c r="D4" s="18"/>
      <c r="E4" s="19" t="s">
        <v>37</v>
      </c>
      <c r="F4" s="19" t="str">
        <f>VLOOKUP(E4,$A$2:$B$10,2,0)</f>
        <v>鶴見高等学校</v>
      </c>
      <c r="G4" s="19"/>
      <c r="H4" s="19"/>
    </row>
    <row r="5" spans="1:8">
      <c r="A5" s="16" t="s">
        <v>46</v>
      </c>
      <c r="B5" s="17" t="s">
        <v>47</v>
      </c>
      <c r="C5" s="18"/>
      <c r="D5" s="18"/>
      <c r="E5" s="19"/>
      <c r="F5" s="19"/>
      <c r="G5" s="19"/>
      <c r="H5" s="19"/>
    </row>
    <row r="6" spans="1:8">
      <c r="A6" s="16" t="s">
        <v>48</v>
      </c>
      <c r="B6" s="17" t="s">
        <v>49</v>
      </c>
      <c r="C6" s="18"/>
      <c r="D6" s="18"/>
      <c r="E6" s="18"/>
    </row>
    <row r="7" spans="1:8">
      <c r="A7" s="16" t="s">
        <v>50</v>
      </c>
      <c r="B7" s="17" t="s">
        <v>51</v>
      </c>
      <c r="C7" s="18"/>
      <c r="D7" s="18"/>
      <c r="E7" s="18"/>
    </row>
    <row r="8" spans="1:8">
      <c r="A8" s="16" t="s">
        <v>52</v>
      </c>
      <c r="B8" s="17" t="s">
        <v>53</v>
      </c>
      <c r="C8" s="18"/>
      <c r="D8" s="18"/>
      <c r="E8" s="18"/>
    </row>
    <row r="9" spans="1:8">
      <c r="A9" s="16" t="s">
        <v>54</v>
      </c>
      <c r="B9" s="17" t="s">
        <v>55</v>
      </c>
      <c r="C9" s="18"/>
      <c r="D9" s="18"/>
      <c r="E9" s="18"/>
    </row>
    <row r="10" spans="1:8">
      <c r="A10" s="16" t="s">
        <v>56</v>
      </c>
      <c r="B10" s="20" t="s">
        <v>57</v>
      </c>
      <c r="C10" s="21"/>
      <c r="D10" s="18"/>
      <c r="E10" s="18"/>
    </row>
    <row r="11" spans="1:8">
      <c r="A11" s="16" t="s">
        <v>58</v>
      </c>
      <c r="B11" s="22" t="s">
        <v>59</v>
      </c>
    </row>
    <row r="12" spans="1:8">
      <c r="A12" s="16" t="s">
        <v>60</v>
      </c>
      <c r="B12" s="22" t="s">
        <v>61</v>
      </c>
    </row>
    <row r="13" spans="1:8">
      <c r="A13" s="16" t="s">
        <v>62</v>
      </c>
      <c r="B13" s="22" t="s">
        <v>63</v>
      </c>
    </row>
    <row r="14" spans="1:8">
      <c r="A14" s="16" t="s">
        <v>64</v>
      </c>
      <c r="B14" s="22" t="s">
        <v>65</v>
      </c>
    </row>
    <row r="15" spans="1:8">
      <c r="A15" s="16" t="s">
        <v>66</v>
      </c>
      <c r="B15" s="22" t="s">
        <v>67</v>
      </c>
    </row>
    <row r="16" spans="1:8">
      <c r="A16" s="16" t="s">
        <v>68</v>
      </c>
      <c r="B16" s="22" t="s">
        <v>69</v>
      </c>
    </row>
    <row r="17" spans="1:2">
      <c r="A17" s="16" t="s">
        <v>70</v>
      </c>
      <c r="B17" s="22" t="s">
        <v>71</v>
      </c>
    </row>
    <row r="18" spans="1:2">
      <c r="A18" s="16" t="s">
        <v>72</v>
      </c>
      <c r="B18" s="22" t="s">
        <v>73</v>
      </c>
    </row>
    <row r="19" spans="1:2">
      <c r="A19" s="16" t="s">
        <v>74</v>
      </c>
      <c r="B19" s="22" t="s">
        <v>75</v>
      </c>
    </row>
    <row r="20" spans="1:2">
      <c r="A20" s="16" t="s">
        <v>76</v>
      </c>
      <c r="B20" s="22" t="s">
        <v>368</v>
      </c>
    </row>
    <row r="21" spans="1:2">
      <c r="A21" s="16" t="s">
        <v>77</v>
      </c>
      <c r="B21" s="22" t="s">
        <v>78</v>
      </c>
    </row>
    <row r="22" spans="1:2">
      <c r="A22" s="16" t="s">
        <v>79</v>
      </c>
      <c r="B22" s="22" t="s">
        <v>80</v>
      </c>
    </row>
    <row r="23" spans="1:2">
      <c r="A23" s="16" t="s">
        <v>81</v>
      </c>
      <c r="B23" s="22" t="s">
        <v>82</v>
      </c>
    </row>
    <row r="24" spans="1:2">
      <c r="A24" s="16" t="s">
        <v>83</v>
      </c>
      <c r="B24" s="22" t="s">
        <v>84</v>
      </c>
    </row>
    <row r="25" spans="1:2">
      <c r="A25" s="16" t="s">
        <v>85</v>
      </c>
      <c r="B25" s="22" t="s">
        <v>86</v>
      </c>
    </row>
    <row r="26" spans="1:2">
      <c r="A26" s="16" t="s">
        <v>87</v>
      </c>
      <c r="B26" s="22" t="s">
        <v>88</v>
      </c>
    </row>
    <row r="27" spans="1:2">
      <c r="A27" s="16" t="s">
        <v>89</v>
      </c>
      <c r="B27" s="22" t="s">
        <v>90</v>
      </c>
    </row>
    <row r="28" spans="1:2">
      <c r="A28" s="16" t="s">
        <v>91</v>
      </c>
      <c r="B28" s="22" t="s">
        <v>92</v>
      </c>
    </row>
    <row r="29" spans="1:2">
      <c r="A29" s="16" t="s">
        <v>93</v>
      </c>
      <c r="B29" s="22" t="s">
        <v>94</v>
      </c>
    </row>
    <row r="30" spans="1:2">
      <c r="A30" s="16" t="s">
        <v>95</v>
      </c>
      <c r="B30" s="22" t="s">
        <v>96</v>
      </c>
    </row>
    <row r="31" spans="1:2">
      <c r="A31" s="16" t="s">
        <v>97</v>
      </c>
      <c r="B31" s="22" t="s">
        <v>98</v>
      </c>
    </row>
    <row r="32" spans="1:2">
      <c r="A32" s="16" t="s">
        <v>99</v>
      </c>
      <c r="B32" s="22" t="s">
        <v>100</v>
      </c>
    </row>
    <row r="33" spans="1:2">
      <c r="A33" s="16" t="s">
        <v>101</v>
      </c>
      <c r="B33" s="22" t="s">
        <v>102</v>
      </c>
    </row>
    <row r="34" spans="1:2">
      <c r="A34" s="16" t="s">
        <v>103</v>
      </c>
      <c r="B34" s="22" t="s">
        <v>104</v>
      </c>
    </row>
    <row r="35" spans="1:2">
      <c r="A35" s="16" t="s">
        <v>105</v>
      </c>
      <c r="B35" s="22" t="s">
        <v>106</v>
      </c>
    </row>
    <row r="36" spans="1:2">
      <c r="A36" s="16" t="s">
        <v>107</v>
      </c>
      <c r="B36" s="22" t="s">
        <v>108</v>
      </c>
    </row>
    <row r="37" spans="1:2">
      <c r="A37" s="16" t="s">
        <v>109</v>
      </c>
      <c r="B37" s="22" t="s">
        <v>110</v>
      </c>
    </row>
    <row r="38" spans="1:2">
      <c r="A38" s="16" t="s">
        <v>111</v>
      </c>
      <c r="B38" s="22" t="s">
        <v>112</v>
      </c>
    </row>
    <row r="39" spans="1:2">
      <c r="A39" s="16" t="s">
        <v>113</v>
      </c>
      <c r="B39" s="22" t="s">
        <v>114</v>
      </c>
    </row>
    <row r="40" spans="1:2">
      <c r="A40" s="16" t="s">
        <v>115</v>
      </c>
      <c r="B40" s="22" t="s">
        <v>116</v>
      </c>
    </row>
    <row r="41" spans="1:2">
      <c r="A41" s="16" t="s">
        <v>117</v>
      </c>
      <c r="B41" s="22" t="s">
        <v>118</v>
      </c>
    </row>
    <row r="42" spans="1:2">
      <c r="A42" s="16" t="s">
        <v>119</v>
      </c>
      <c r="B42" s="22" t="s">
        <v>120</v>
      </c>
    </row>
    <row r="43" spans="1:2">
      <c r="A43" s="16" t="s">
        <v>121</v>
      </c>
      <c r="B43" s="22" t="s">
        <v>122</v>
      </c>
    </row>
    <row r="44" spans="1:2">
      <c r="A44" s="16" t="s">
        <v>123</v>
      </c>
      <c r="B44" s="22" t="s">
        <v>124</v>
      </c>
    </row>
    <row r="45" spans="1:2">
      <c r="A45" s="16" t="s">
        <v>125</v>
      </c>
      <c r="B45" s="22" t="s">
        <v>126</v>
      </c>
    </row>
    <row r="46" spans="1:2">
      <c r="A46" s="16" t="s">
        <v>127</v>
      </c>
      <c r="B46" s="22" t="s">
        <v>128</v>
      </c>
    </row>
    <row r="47" spans="1:2">
      <c r="A47" s="16" t="s">
        <v>129</v>
      </c>
      <c r="B47" s="22" t="s">
        <v>130</v>
      </c>
    </row>
    <row r="48" spans="1:2">
      <c r="A48" s="16" t="s">
        <v>131</v>
      </c>
      <c r="B48" s="22" t="s">
        <v>132</v>
      </c>
    </row>
    <row r="49" spans="1:2">
      <c r="A49" s="16" t="s">
        <v>133</v>
      </c>
      <c r="B49" s="17" t="s">
        <v>134</v>
      </c>
    </row>
    <row r="50" spans="1:2">
      <c r="A50" s="16" t="s">
        <v>135</v>
      </c>
      <c r="B50" s="17" t="s">
        <v>136</v>
      </c>
    </row>
    <row r="51" spans="1:2">
      <c r="A51" s="16" t="s">
        <v>137</v>
      </c>
      <c r="B51" s="17" t="s">
        <v>138</v>
      </c>
    </row>
    <row r="52" spans="1:2">
      <c r="A52" s="16" t="s">
        <v>139</v>
      </c>
      <c r="B52" s="17" t="s">
        <v>140</v>
      </c>
    </row>
    <row r="53" spans="1:2">
      <c r="A53" s="16" t="s">
        <v>141</v>
      </c>
      <c r="B53" s="17" t="s">
        <v>142</v>
      </c>
    </row>
    <row r="54" spans="1:2">
      <c r="A54" s="16" t="s">
        <v>143</v>
      </c>
      <c r="B54" s="17" t="s">
        <v>144</v>
      </c>
    </row>
    <row r="55" spans="1:2">
      <c r="A55" s="16" t="s">
        <v>145</v>
      </c>
      <c r="B55" s="17" t="s">
        <v>146</v>
      </c>
    </row>
    <row r="56" spans="1:2">
      <c r="A56" s="16" t="s">
        <v>147</v>
      </c>
      <c r="B56" s="17" t="s">
        <v>148</v>
      </c>
    </row>
    <row r="57" spans="1:2">
      <c r="A57" s="16" t="s">
        <v>149</v>
      </c>
      <c r="B57" s="17" t="s">
        <v>150</v>
      </c>
    </row>
    <row r="58" spans="1:2">
      <c r="A58" s="16" t="s">
        <v>151</v>
      </c>
      <c r="B58" s="17" t="s">
        <v>152</v>
      </c>
    </row>
    <row r="59" spans="1:2">
      <c r="A59" s="16" t="s">
        <v>153</v>
      </c>
      <c r="B59" s="17" t="s">
        <v>154</v>
      </c>
    </row>
    <row r="60" spans="1:2">
      <c r="A60" s="16" t="s">
        <v>155</v>
      </c>
      <c r="B60" s="17" t="s">
        <v>156</v>
      </c>
    </row>
    <row r="61" spans="1:2">
      <c r="A61" s="16" t="s">
        <v>157</v>
      </c>
      <c r="B61" s="17" t="s">
        <v>158</v>
      </c>
    </row>
    <row r="62" spans="1:2">
      <c r="A62" s="16" t="s">
        <v>159</v>
      </c>
      <c r="B62" s="17" t="s">
        <v>160</v>
      </c>
    </row>
    <row r="63" spans="1:2">
      <c r="A63" s="16" t="s">
        <v>161</v>
      </c>
      <c r="B63" s="17" t="s">
        <v>162</v>
      </c>
    </row>
    <row r="64" spans="1:2">
      <c r="A64" s="16" t="s">
        <v>163</v>
      </c>
      <c r="B64" s="17" t="s">
        <v>164</v>
      </c>
    </row>
    <row r="65" spans="1:2">
      <c r="A65" s="16" t="s">
        <v>165</v>
      </c>
      <c r="B65" s="17" t="s">
        <v>166</v>
      </c>
    </row>
    <row r="66" spans="1:2">
      <c r="A66" s="16" t="s">
        <v>167</v>
      </c>
      <c r="B66" s="17" t="s">
        <v>168</v>
      </c>
    </row>
    <row r="67" spans="1:2">
      <c r="A67" s="16" t="s">
        <v>169</v>
      </c>
      <c r="B67" s="17" t="s">
        <v>170</v>
      </c>
    </row>
    <row r="68" spans="1:2">
      <c r="A68" s="16" t="s">
        <v>171</v>
      </c>
      <c r="B68" s="17" t="s">
        <v>172</v>
      </c>
    </row>
    <row r="69" spans="1:2">
      <c r="A69" s="16" t="s">
        <v>173</v>
      </c>
      <c r="B69" s="17" t="s">
        <v>174</v>
      </c>
    </row>
    <row r="70" spans="1:2">
      <c r="A70" s="16" t="s">
        <v>175</v>
      </c>
      <c r="B70" s="17" t="s">
        <v>176</v>
      </c>
    </row>
    <row r="71" spans="1:2">
      <c r="A71" s="16" t="s">
        <v>177</v>
      </c>
      <c r="B71" s="17" t="s">
        <v>178</v>
      </c>
    </row>
    <row r="72" spans="1:2">
      <c r="A72" s="16" t="s">
        <v>179</v>
      </c>
      <c r="B72" s="17" t="s">
        <v>180</v>
      </c>
    </row>
    <row r="73" spans="1:2">
      <c r="A73" s="16" t="s">
        <v>181</v>
      </c>
      <c r="B73" s="17" t="s">
        <v>182</v>
      </c>
    </row>
    <row r="74" spans="1:2">
      <c r="A74" s="16" t="s">
        <v>183</v>
      </c>
      <c r="B74" s="17" t="s">
        <v>184</v>
      </c>
    </row>
    <row r="75" spans="1:2">
      <c r="A75" s="16" t="s">
        <v>185</v>
      </c>
      <c r="B75" s="17" t="s">
        <v>186</v>
      </c>
    </row>
    <row r="76" spans="1:2">
      <c r="A76" s="16" t="s">
        <v>187</v>
      </c>
      <c r="B76" s="17" t="s">
        <v>188</v>
      </c>
    </row>
    <row r="77" spans="1:2">
      <c r="A77" s="16" t="s">
        <v>189</v>
      </c>
      <c r="B77" s="17" t="s">
        <v>190</v>
      </c>
    </row>
    <row r="78" spans="1:2">
      <c r="A78" s="16" t="s">
        <v>191</v>
      </c>
      <c r="B78" s="17" t="s">
        <v>192</v>
      </c>
    </row>
    <row r="79" spans="1:2">
      <c r="A79" s="16" t="s">
        <v>193</v>
      </c>
      <c r="B79" s="17" t="s">
        <v>194</v>
      </c>
    </row>
    <row r="80" spans="1:2">
      <c r="A80" s="16" t="s">
        <v>195</v>
      </c>
      <c r="B80" s="17" t="s">
        <v>196</v>
      </c>
    </row>
    <row r="81" spans="1:2">
      <c r="A81" s="16" t="s">
        <v>197</v>
      </c>
      <c r="B81" s="17" t="s">
        <v>198</v>
      </c>
    </row>
    <row r="82" spans="1:2">
      <c r="A82" s="16" t="s">
        <v>199</v>
      </c>
      <c r="B82" s="17" t="s">
        <v>200</v>
      </c>
    </row>
    <row r="83" spans="1:2">
      <c r="A83" s="16" t="s">
        <v>201</v>
      </c>
      <c r="B83" s="17" t="s">
        <v>202</v>
      </c>
    </row>
    <row r="84" spans="1:2">
      <c r="A84" s="16" t="s">
        <v>203</v>
      </c>
      <c r="B84" s="17" t="s">
        <v>204</v>
      </c>
    </row>
    <row r="85" spans="1:2">
      <c r="A85" s="16" t="s">
        <v>205</v>
      </c>
      <c r="B85" s="17" t="s">
        <v>206</v>
      </c>
    </row>
    <row r="86" spans="1:2">
      <c r="A86" s="16" t="s">
        <v>207</v>
      </c>
      <c r="B86" s="17" t="s">
        <v>208</v>
      </c>
    </row>
    <row r="87" spans="1:2">
      <c r="A87" s="16" t="s">
        <v>209</v>
      </c>
      <c r="B87" s="17" t="s">
        <v>210</v>
      </c>
    </row>
    <row r="88" spans="1:2">
      <c r="A88" s="16" t="s">
        <v>211</v>
      </c>
      <c r="B88" s="17" t="s">
        <v>212</v>
      </c>
    </row>
    <row r="89" spans="1:2">
      <c r="A89" s="16" t="s">
        <v>213</v>
      </c>
      <c r="B89" s="17" t="s">
        <v>214</v>
      </c>
    </row>
    <row r="90" spans="1:2">
      <c r="A90" s="16" t="s">
        <v>215</v>
      </c>
      <c r="B90" s="17" t="s">
        <v>216</v>
      </c>
    </row>
    <row r="91" spans="1:2">
      <c r="A91" s="16" t="s">
        <v>217</v>
      </c>
      <c r="B91" s="17" t="s">
        <v>218</v>
      </c>
    </row>
    <row r="92" spans="1:2">
      <c r="A92" s="16" t="s">
        <v>367</v>
      </c>
      <c r="B92" s="17" t="s">
        <v>219</v>
      </c>
    </row>
    <row r="93" spans="1:2">
      <c r="A93" s="16" t="s">
        <v>220</v>
      </c>
      <c r="B93" s="17" t="s">
        <v>221</v>
      </c>
    </row>
    <row r="94" spans="1:2">
      <c r="A94" s="16" t="s">
        <v>222</v>
      </c>
      <c r="B94" s="17" t="s">
        <v>223</v>
      </c>
    </row>
    <row r="95" spans="1:2">
      <c r="A95" s="16" t="s">
        <v>224</v>
      </c>
      <c r="B95" s="17" t="s">
        <v>225</v>
      </c>
    </row>
    <row r="96" spans="1:2">
      <c r="A96" s="16" t="s">
        <v>226</v>
      </c>
      <c r="B96" s="17" t="s">
        <v>227</v>
      </c>
    </row>
    <row r="97" spans="1:2">
      <c r="A97" s="16" t="s">
        <v>228</v>
      </c>
      <c r="B97" s="17" t="s">
        <v>229</v>
      </c>
    </row>
    <row r="98" spans="1:2">
      <c r="A98" s="16" t="s">
        <v>230</v>
      </c>
      <c r="B98" s="17" t="s">
        <v>231</v>
      </c>
    </row>
    <row r="99" spans="1:2">
      <c r="A99" s="16" t="s">
        <v>232</v>
      </c>
      <c r="B99" s="17" t="s">
        <v>233</v>
      </c>
    </row>
    <row r="100" spans="1:2">
      <c r="A100" s="16" t="s">
        <v>234</v>
      </c>
      <c r="B100" s="17" t="s">
        <v>235</v>
      </c>
    </row>
    <row r="101" spans="1:2">
      <c r="A101" s="16" t="s">
        <v>236</v>
      </c>
      <c r="B101" s="17" t="s">
        <v>237</v>
      </c>
    </row>
    <row r="102" spans="1:2">
      <c r="A102" s="16" t="s">
        <v>238</v>
      </c>
      <c r="B102" s="17" t="s">
        <v>239</v>
      </c>
    </row>
    <row r="103" spans="1:2">
      <c r="A103" s="16" t="s">
        <v>240</v>
      </c>
      <c r="B103" s="17" t="s">
        <v>241</v>
      </c>
    </row>
    <row r="104" spans="1:2">
      <c r="A104" s="16" t="s">
        <v>242</v>
      </c>
      <c r="B104" s="17" t="s">
        <v>243</v>
      </c>
    </row>
    <row r="105" spans="1:2">
      <c r="A105" s="16" t="s">
        <v>244</v>
      </c>
      <c r="B105" s="17" t="s">
        <v>245</v>
      </c>
    </row>
    <row r="106" spans="1:2">
      <c r="A106" s="16" t="s">
        <v>246</v>
      </c>
      <c r="B106" s="17" t="s">
        <v>247</v>
      </c>
    </row>
    <row r="107" spans="1:2">
      <c r="A107" s="16" t="s">
        <v>248</v>
      </c>
      <c r="B107" s="17" t="s">
        <v>249</v>
      </c>
    </row>
    <row r="108" spans="1:2">
      <c r="A108" s="16" t="s">
        <v>250</v>
      </c>
      <c r="B108" s="17" t="s">
        <v>369</v>
      </c>
    </row>
    <row r="109" spans="1:2">
      <c r="A109" s="16" t="s">
        <v>251</v>
      </c>
      <c r="B109" s="17" t="s">
        <v>252</v>
      </c>
    </row>
    <row r="110" spans="1:2">
      <c r="A110" s="16" t="s">
        <v>253</v>
      </c>
      <c r="B110" s="17" t="s">
        <v>254</v>
      </c>
    </row>
    <row r="111" spans="1:2">
      <c r="A111" s="16" t="s">
        <v>255</v>
      </c>
      <c r="B111" s="17" t="s">
        <v>256</v>
      </c>
    </row>
    <row r="112" spans="1:2">
      <c r="A112" s="16" t="s">
        <v>257</v>
      </c>
      <c r="B112" s="17" t="s">
        <v>258</v>
      </c>
    </row>
    <row r="113" spans="1:2">
      <c r="A113" s="16" t="s">
        <v>259</v>
      </c>
      <c r="B113" s="17" t="s">
        <v>260</v>
      </c>
    </row>
    <row r="114" spans="1:2">
      <c r="A114" s="16" t="s">
        <v>261</v>
      </c>
      <c r="B114" s="17" t="s">
        <v>262</v>
      </c>
    </row>
    <row r="115" spans="1:2">
      <c r="A115" s="16" t="s">
        <v>263</v>
      </c>
      <c r="B115" s="17" t="s">
        <v>264</v>
      </c>
    </row>
    <row r="116" spans="1:2">
      <c r="A116" s="16" t="s">
        <v>265</v>
      </c>
      <c r="B116" s="17" t="s">
        <v>266</v>
      </c>
    </row>
    <row r="117" spans="1:2">
      <c r="A117" s="16" t="s">
        <v>267</v>
      </c>
      <c r="B117" s="17" t="s">
        <v>268</v>
      </c>
    </row>
    <row r="118" spans="1:2">
      <c r="A118" s="16" t="s">
        <v>269</v>
      </c>
      <c r="B118" s="17" t="s">
        <v>270</v>
      </c>
    </row>
    <row r="119" spans="1:2">
      <c r="A119" s="16" t="s">
        <v>271</v>
      </c>
      <c r="B119" s="17" t="s">
        <v>272</v>
      </c>
    </row>
    <row r="120" spans="1:2">
      <c r="A120" s="16" t="s">
        <v>273</v>
      </c>
      <c r="B120" s="17" t="s">
        <v>274</v>
      </c>
    </row>
    <row r="121" spans="1:2">
      <c r="A121" s="16" t="s">
        <v>275</v>
      </c>
      <c r="B121" s="17" t="s">
        <v>276</v>
      </c>
    </row>
    <row r="122" spans="1:2">
      <c r="A122" s="16" t="s">
        <v>277</v>
      </c>
      <c r="B122" s="17" t="s">
        <v>278</v>
      </c>
    </row>
    <row r="123" spans="1:2">
      <c r="A123" s="16" t="s">
        <v>279</v>
      </c>
      <c r="B123" s="17" t="s">
        <v>280</v>
      </c>
    </row>
    <row r="124" spans="1:2">
      <c r="A124" s="16" t="s">
        <v>281</v>
      </c>
      <c r="B124" s="17" t="s">
        <v>282</v>
      </c>
    </row>
    <row r="125" spans="1:2">
      <c r="A125" s="16" t="s">
        <v>283</v>
      </c>
      <c r="B125" s="17" t="s">
        <v>284</v>
      </c>
    </row>
    <row r="126" spans="1:2">
      <c r="A126" s="16" t="s">
        <v>285</v>
      </c>
      <c r="B126" s="17" t="s">
        <v>286</v>
      </c>
    </row>
    <row r="127" spans="1:2">
      <c r="A127" s="16" t="s">
        <v>287</v>
      </c>
      <c r="B127" s="17" t="s">
        <v>288</v>
      </c>
    </row>
    <row r="128" spans="1:2">
      <c r="A128" s="16" t="s">
        <v>289</v>
      </c>
      <c r="B128" s="17" t="s">
        <v>290</v>
      </c>
    </row>
    <row r="129" spans="1:2">
      <c r="A129" s="16" t="s">
        <v>291</v>
      </c>
      <c r="B129" s="17" t="s">
        <v>292</v>
      </c>
    </row>
    <row r="130" spans="1:2">
      <c r="A130" s="16" t="s">
        <v>293</v>
      </c>
      <c r="B130" s="17" t="s">
        <v>294</v>
      </c>
    </row>
    <row r="131" spans="1:2">
      <c r="A131" s="16" t="s">
        <v>295</v>
      </c>
      <c r="B131" s="17" t="s">
        <v>296</v>
      </c>
    </row>
    <row r="132" spans="1:2">
      <c r="A132" s="16" t="s">
        <v>297</v>
      </c>
      <c r="B132" s="17" t="s">
        <v>298</v>
      </c>
    </row>
    <row r="133" spans="1:2">
      <c r="A133" s="16" t="s">
        <v>299</v>
      </c>
      <c r="B133" s="17" t="s">
        <v>300</v>
      </c>
    </row>
    <row r="134" spans="1:2">
      <c r="A134" s="16" t="s">
        <v>301</v>
      </c>
      <c r="B134" s="17" t="s">
        <v>302</v>
      </c>
    </row>
    <row r="135" spans="1:2">
      <c r="A135" s="16" t="s">
        <v>303</v>
      </c>
      <c r="B135" s="17" t="s">
        <v>304</v>
      </c>
    </row>
    <row r="136" spans="1:2">
      <c r="A136" s="23" t="s">
        <v>305</v>
      </c>
      <c r="B136" s="17" t="s">
        <v>306</v>
      </c>
    </row>
    <row r="137" spans="1:2">
      <c r="A137" s="23" t="s">
        <v>307</v>
      </c>
      <c r="B137" s="17" t="s">
        <v>308</v>
      </c>
    </row>
    <row r="138" spans="1:2">
      <c r="A138" s="23" t="s">
        <v>309</v>
      </c>
      <c r="B138" s="17" t="s">
        <v>310</v>
      </c>
    </row>
    <row r="139" spans="1:2">
      <c r="A139" s="23" t="s">
        <v>311</v>
      </c>
      <c r="B139" s="17" t="s">
        <v>312</v>
      </c>
    </row>
    <row r="140" spans="1:2">
      <c r="A140" s="23" t="s">
        <v>313</v>
      </c>
      <c r="B140" s="17" t="s">
        <v>314</v>
      </c>
    </row>
    <row r="141" spans="1:2">
      <c r="A141" s="23" t="s">
        <v>315</v>
      </c>
      <c r="B141" s="17" t="s">
        <v>316</v>
      </c>
    </row>
    <row r="142" spans="1:2">
      <c r="A142" s="23" t="s">
        <v>317</v>
      </c>
      <c r="B142" s="17" t="s">
        <v>318</v>
      </c>
    </row>
    <row r="143" spans="1:2">
      <c r="A143" s="23" t="s">
        <v>319</v>
      </c>
      <c r="B143" s="17" t="s">
        <v>320</v>
      </c>
    </row>
    <row r="144" spans="1:2">
      <c r="A144" s="23" t="s">
        <v>321</v>
      </c>
      <c r="B144" s="17" t="s">
        <v>322</v>
      </c>
    </row>
    <row r="145" spans="1:2">
      <c r="A145" s="23" t="s">
        <v>323</v>
      </c>
      <c r="B145" s="17" t="s">
        <v>324</v>
      </c>
    </row>
    <row r="146" spans="1:2">
      <c r="A146" s="23" t="s">
        <v>325</v>
      </c>
      <c r="B146" s="17" t="s">
        <v>326</v>
      </c>
    </row>
    <row r="147" spans="1:2">
      <c r="A147" s="23" t="s">
        <v>327</v>
      </c>
      <c r="B147" s="17" t="s">
        <v>328</v>
      </c>
    </row>
    <row r="148" spans="1:2">
      <c r="A148" s="23" t="s">
        <v>329</v>
      </c>
      <c r="B148" s="17" t="s">
        <v>330</v>
      </c>
    </row>
    <row r="149" spans="1:2">
      <c r="A149" s="23" t="s">
        <v>331</v>
      </c>
      <c r="B149" s="17" t="s">
        <v>332</v>
      </c>
    </row>
    <row r="150" spans="1:2">
      <c r="A150" s="23" t="s">
        <v>333</v>
      </c>
      <c r="B150" s="17" t="s">
        <v>334</v>
      </c>
    </row>
    <row r="151" spans="1:2">
      <c r="A151" s="23" t="s">
        <v>335</v>
      </c>
      <c r="B151" s="17" t="s">
        <v>336</v>
      </c>
    </row>
    <row r="152" spans="1:2">
      <c r="A152" s="23" t="s">
        <v>337</v>
      </c>
      <c r="B152" s="17" t="s">
        <v>338</v>
      </c>
    </row>
    <row r="153" spans="1:2">
      <c r="A153" s="23" t="s">
        <v>339</v>
      </c>
      <c r="B153" s="17" t="s">
        <v>340</v>
      </c>
    </row>
    <row r="154" spans="1:2">
      <c r="A154" s="23" t="s">
        <v>341</v>
      </c>
      <c r="B154" s="17" t="s">
        <v>342</v>
      </c>
    </row>
    <row r="155" spans="1:2">
      <c r="A155" s="23" t="s">
        <v>343</v>
      </c>
      <c r="B155" s="17" t="s">
        <v>344</v>
      </c>
    </row>
    <row r="156" spans="1:2">
      <c r="A156" s="23" t="s">
        <v>345</v>
      </c>
      <c r="B156" s="17" t="s">
        <v>346</v>
      </c>
    </row>
    <row r="157" spans="1:2">
      <c r="A157" s="23" t="s">
        <v>347</v>
      </c>
      <c r="B157" s="17" t="s">
        <v>348</v>
      </c>
    </row>
    <row r="158" spans="1:2">
      <c r="A158" s="23" t="s">
        <v>349</v>
      </c>
      <c r="B158" s="17" t="s">
        <v>350</v>
      </c>
    </row>
    <row r="159" spans="1:2">
      <c r="A159" s="23" t="s">
        <v>351</v>
      </c>
      <c r="B159" s="17" t="s">
        <v>352</v>
      </c>
    </row>
    <row r="160" spans="1:2">
      <c r="A160" s="23" t="s">
        <v>353</v>
      </c>
      <c r="B160" s="17" t="s">
        <v>354</v>
      </c>
    </row>
    <row r="161" spans="1:2">
      <c r="A161" s="23" t="s">
        <v>355</v>
      </c>
      <c r="B161" s="17" t="s">
        <v>356</v>
      </c>
    </row>
    <row r="162" spans="1:2">
      <c r="A162" s="23" t="s">
        <v>357</v>
      </c>
      <c r="B162" s="17" t="s">
        <v>358</v>
      </c>
    </row>
    <row r="163" spans="1:2">
      <c r="A163" s="23" t="s">
        <v>359</v>
      </c>
      <c r="B163" s="17" t="s">
        <v>360</v>
      </c>
    </row>
    <row r="164" spans="1:2">
      <c r="A164" s="23" t="s">
        <v>361</v>
      </c>
      <c r="B164" s="17" t="s">
        <v>362</v>
      </c>
    </row>
    <row r="165" spans="1:2">
      <c r="A165" s="23" t="s">
        <v>363</v>
      </c>
      <c r="B165" s="17" t="s">
        <v>364</v>
      </c>
    </row>
    <row r="166" spans="1:2">
      <c r="A166" s="23" t="s">
        <v>365</v>
      </c>
      <c r="B166" s="17" t="s">
        <v>366</v>
      </c>
    </row>
  </sheetData>
  <phoneticPr fontId="1"/>
  <dataValidations count="1">
    <dataValidation type="list" allowBlank="1" showInputMessage="1" showErrorMessage="1" sqref="E4" xr:uid="{00000000-0002-0000-0400-000000000000}">
      <formula1>$A$2:$A$10</formula1>
    </dataValidation>
  </dataValidations>
  <pageMargins left="0.7" right="0.7" top="0.75" bottom="0.75" header="0.3" footer="0.3"/>
  <pageSetup paperSize="9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565B2DBB9ADA764891FDA21B448DE9F0" ma:contentTypeVersion="21" ma:contentTypeDescription="新しいドキュメントを作成します。" ma:contentTypeScope="" ma:versionID="1f2c12d099d8718451a4f5caa612653e">
  <xsd:schema xmlns:xsd="http://www.w3.org/2001/XMLSchema" xmlns:xs="http://www.w3.org/2001/XMLSchema" xmlns:p="http://schemas.microsoft.com/office/2006/metadata/properties" xmlns:ns2="813af0c2-b6dc-4874-93c6-8535ddd121d1" xmlns:ns3="44b2ce25-d68a-4f29-b6c1-8ecefa337c27" targetNamespace="http://schemas.microsoft.com/office/2006/metadata/properties" ma:root="true" ma:fieldsID="0935e3769a985da1ba72e96449db4b5b" ns2:_="" ns3:_="">
    <xsd:import namespace="813af0c2-b6dc-4874-93c6-8535ddd121d1"/>
    <xsd:import namespace="44b2ce25-d68a-4f29-b6c1-8ecefa337c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MediaServiceOCR" minOccurs="0"/>
                <xsd:element ref="ns2:MediaServiceLocation" minOccurs="0"/>
                <xsd:element ref="ns3:SharedWithUsers" minOccurs="0"/>
                <xsd:element ref="ns3:SharedWithDetails" minOccurs="0"/>
                <xsd:element ref="ns2:MediaLengthInSeconds" minOccurs="0"/>
                <xsd:element ref="ns2:lcf76f155ced4ddcb4097134ff3c332f" minOccurs="0"/>
                <xsd:element ref="ns3:TaxCatchAll" minOccurs="0"/>
                <xsd:element ref="ns2:_x65e5__x4ed8_" minOccurs="0"/>
                <xsd:element ref="ns2:MediaServiceObjectDetectorVersions" minOccurs="0"/>
                <xsd:element ref="ns2:MediaServiceSearchProperties" minOccurs="0"/>
                <xsd:element ref="ns2:MediaServiceBillingMetadata" minOccurs="0"/>
                <xsd:element ref="ns2:_x5834__x6240_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13af0c2-b6dc-4874-93c6-8535ddd121d1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6" nillable="true" ma:displayName="Location" ma:internalName="MediaServiceLocation" ma:readOnly="true">
      <xsd:simpleType>
        <xsd:restriction base="dms:Text"/>
      </xsd:simpleType>
    </xsd:element>
    <xsd:element name="MediaLengthInSeconds" ma:index="19" nillable="true" ma:displayName="Length (seconds)" ma:internalName="MediaLengthInSeconds" ma:readOnly="true">
      <xsd:simpleType>
        <xsd:restriction base="dms:Unknown"/>
      </xsd:simpleType>
    </xsd:element>
    <xsd:element name="lcf76f155ced4ddcb4097134ff3c332f" ma:index="21" nillable="true" ma:taxonomy="true" ma:internalName="lcf76f155ced4ddcb4097134ff3c332f" ma:taxonomyFieldName="MediaServiceImageTags" ma:displayName="画像タグ" ma:readOnly="false" ma:fieldId="{5cf76f15-5ced-4ddc-b409-7134ff3c332f}" ma:taxonomyMulti="true" ma:sspId="029366c2-5c34-4560-ad45-a81bb39167a2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_x65e5__x4ed8_" ma:index="23" nillable="true" ma:displayName="日付" ma:format="DateOnly" ma:internalName="_x65e5__x4ed8_">
      <xsd:simpleType>
        <xsd:restriction base="dms:DateTime"/>
      </xsd:simpleType>
    </xsd:element>
    <xsd:element name="MediaServiceObjectDetectorVersions" ma:index="24" nillable="true" ma:displayName="MediaServiceObjectDetectorVersions" ma:description="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5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BillingMetadata" ma:index="26" nillable="true" ma:displayName="MediaServiceBillingMetadata" ma:hidden="true" ma:internalName="MediaServiceBillingMetadata" ma:readOnly="true">
      <xsd:simpleType>
        <xsd:restriction base="dms:Note"/>
      </xsd:simpleType>
    </xsd:element>
    <xsd:element name="_x5834__x6240_" ma:index="27" nillable="true" ma:displayName="場所" ma:format="Hyperlink" ma:internalName="_x5834__x6240_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4b2ce25-d68a-4f29-b6c1-8ecefa337c27" elementFormDefault="qualified">
    <xsd:import namespace="http://schemas.microsoft.com/office/2006/documentManagement/types"/>
    <xsd:import namespace="http://schemas.microsoft.com/office/infopath/2007/PartnerControls"/>
    <xsd:element name="SharedWithUsers" ma:index="17" nillable="true" ma:displayName="共有相手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8" nillable="true" ma:displayName="共有相手の詳細情報" ma:internalName="SharedWithDetails" ma:readOnly="true">
      <xsd:simpleType>
        <xsd:restriction base="dms:Note">
          <xsd:maxLength value="255"/>
        </xsd:restriction>
      </xsd:simpleType>
    </xsd:element>
    <xsd:element name="TaxCatchAll" ma:index="22" nillable="true" ma:displayName="Taxonomy Catch All Column" ma:hidden="true" ma:list="{34276ff1-9d8e-4316-8dc3-3fb4bded4514}" ma:internalName="TaxCatchAll" ma:showField="CatchAllData" ma:web="44b2ce25-d68a-4f29-b6c1-8ecefa337c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44b2ce25-d68a-4f29-b6c1-8ecefa337c27" xsi:nil="true"/>
    <_x65e5__x4ed8_ xmlns="813af0c2-b6dc-4874-93c6-8535ddd121d1" xsi:nil="true"/>
    <lcf76f155ced4ddcb4097134ff3c332f xmlns="813af0c2-b6dc-4874-93c6-8535ddd121d1">
      <Terms xmlns="http://schemas.microsoft.com/office/infopath/2007/PartnerControls"/>
    </lcf76f155ced4ddcb4097134ff3c332f>
    <_x5834__x6240_ xmlns="813af0c2-b6dc-4874-93c6-8535ddd121d1">
      <Url xsi:nil="true"/>
      <Description xsi:nil="true"/>
    </_x5834__x6240_>
  </documentManagement>
</p:properties>
</file>

<file path=customXml/itemProps1.xml><?xml version="1.0" encoding="utf-8"?>
<ds:datastoreItem xmlns:ds="http://schemas.openxmlformats.org/officeDocument/2006/customXml" ds:itemID="{A01F4C4B-7097-4649-93EB-27DA1A6CD8BA}"/>
</file>

<file path=customXml/itemProps2.xml><?xml version="1.0" encoding="utf-8"?>
<ds:datastoreItem xmlns:ds="http://schemas.openxmlformats.org/officeDocument/2006/customXml" ds:itemID="{5B935C72-46EE-4D15-BE04-E10F0BEB753D}"/>
</file>

<file path=customXml/itemProps3.xml><?xml version="1.0" encoding="utf-8"?>
<ds:datastoreItem xmlns:ds="http://schemas.openxmlformats.org/officeDocument/2006/customXml" ds:itemID="{B110AD72-C190-4DBC-914B-94F8D083832A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様式１(施設利用申込書)</vt:lpstr>
      <vt:lpstr>一覧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awa</dc:creator>
  <cp:lastModifiedBy>user</cp:lastModifiedBy>
  <cp:lastPrinted>2026-02-16T07:43:06Z</cp:lastPrinted>
  <dcterms:created xsi:type="dcterms:W3CDTF">2025-01-27T00:25:49Z</dcterms:created>
  <dcterms:modified xsi:type="dcterms:W3CDTF">2026-03-10T01:45:3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65B2DBB9ADA764891FDA21B448DE9F0</vt:lpwstr>
  </property>
  <property fmtid="{D5CDD505-2E9C-101B-9397-08002B2CF9AE}" pid="3" name="MediaServiceImageTags">
    <vt:lpwstr/>
  </property>
</Properties>
</file>